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2-207-2022 Upgrade angiografického systému Artis zeego\05. PTK\PTK IV\Odoslané - aktualizácia\"/>
    </mc:Choice>
  </mc:AlternateContent>
  <bookViews>
    <workbookView xWindow="0" yWindow="0" windowWidth="23040" windowHeight="9195"/>
  </bookViews>
  <sheets>
    <sheet name="PTK - ponuka" sheetId="8" r:id="rId1"/>
  </sheets>
  <definedNames>
    <definedName name="_xlnm.Print_Area" localSheetId="0">'PTK - ponuka'!$A$1:$E$32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5" uniqueCount="534">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hodnota ponúkaného ekvivalentného produktu</t>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2.</t>
  </si>
  <si>
    <t>3.</t>
  </si>
  <si>
    <t>4.</t>
  </si>
  <si>
    <t>5.</t>
  </si>
  <si>
    <t>6.</t>
  </si>
  <si>
    <t>8.</t>
  </si>
  <si>
    <t>9.</t>
  </si>
  <si>
    <t>10.</t>
  </si>
  <si>
    <t>11.</t>
  </si>
  <si>
    <t>tovar, služba</t>
  </si>
  <si>
    <t>7.</t>
  </si>
  <si>
    <t>ks</t>
  </si>
  <si>
    <t>50421000-2 Opravy a údržba lekárskych zariadení</t>
  </si>
  <si>
    <t>60000000-8 Dopravné služby (bez prepravy odpadu)</t>
  </si>
  <si>
    <t>Technologický projekt návrh priestorového usporiadania</t>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1. Všeobecný opis zariadenia</t>
  </si>
  <si>
    <t>1.1</t>
  </si>
  <si>
    <t>1.2</t>
  </si>
  <si>
    <t>1.3</t>
  </si>
  <si>
    <t>1.4</t>
  </si>
  <si>
    <t>1.5</t>
  </si>
  <si>
    <t>1.6</t>
  </si>
  <si>
    <t>2.1</t>
  </si>
  <si>
    <t>2.2</t>
  </si>
  <si>
    <t>2.3</t>
  </si>
  <si>
    <t>2.4</t>
  </si>
  <si>
    <t>3.1</t>
  </si>
  <si>
    <t>3.2</t>
  </si>
  <si>
    <t>3.3</t>
  </si>
  <si>
    <t>3.4</t>
  </si>
  <si>
    <t>3.5</t>
  </si>
  <si>
    <t>3.6</t>
  </si>
  <si>
    <t>4.1</t>
  </si>
  <si>
    <t>4.2</t>
  </si>
  <si>
    <t>5.1</t>
  </si>
  <si>
    <t>5.2</t>
  </si>
  <si>
    <t>5.3</t>
  </si>
  <si>
    <t>5.4</t>
  </si>
  <si>
    <t>5.5</t>
  </si>
  <si>
    <t>5.6</t>
  </si>
  <si>
    <t>5.7</t>
  </si>
  <si>
    <t>6.1</t>
  </si>
  <si>
    <t>6.2</t>
  </si>
  <si>
    <t>6.3</t>
  </si>
  <si>
    <t>6.4</t>
  </si>
  <si>
    <t>6.5</t>
  </si>
  <si>
    <t>6.6</t>
  </si>
  <si>
    <t>6.7</t>
  </si>
  <si>
    <t>7.1</t>
  </si>
  <si>
    <t>8.1</t>
  </si>
  <si>
    <t>9.1</t>
  </si>
  <si>
    <t>9.2</t>
  </si>
  <si>
    <t>9.3</t>
  </si>
  <si>
    <t>9.4</t>
  </si>
  <si>
    <t>10.1</t>
  </si>
  <si>
    <t>10.2</t>
  </si>
  <si>
    <t>10.3</t>
  </si>
  <si>
    <t>11.1</t>
  </si>
  <si>
    <t>11.2</t>
  </si>
  <si>
    <t>11.3</t>
  </si>
  <si>
    <t>11.4</t>
  </si>
  <si>
    <t>11.5</t>
  </si>
  <si>
    <t>11.6</t>
  </si>
  <si>
    <t>11.7</t>
  </si>
  <si>
    <t>11.8</t>
  </si>
  <si>
    <t>11.9</t>
  </si>
  <si>
    <t>12.1</t>
  </si>
  <si>
    <t>13.1</t>
  </si>
  <si>
    <t>13.2</t>
  </si>
  <si>
    <t>13.3</t>
  </si>
  <si>
    <t>13.4</t>
  </si>
  <si>
    <t>9.5</t>
  </si>
  <si>
    <t xml:space="preserve">Požadované minimálne osobitné požiadavky na predmet zákazky a doklady (uvedené doklady bude verejný obstarávateľ požadovať pre vyhlásení verejného obstarávania):
</t>
  </si>
  <si>
    <t>Požadovaný počet MJ  na zmluvné obdobie</t>
  </si>
  <si>
    <t xml:space="preserve">spĺňa / nespĺňa </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12.2</t>
  </si>
  <si>
    <t>12.3</t>
  </si>
  <si>
    <t>12.4</t>
  </si>
  <si>
    <t>12.5</t>
  </si>
  <si>
    <t>12.6</t>
  </si>
  <si>
    <t xml:space="preserve">akceptujem / neakceptujem </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Poznámka:</t>
  </si>
  <si>
    <t>- povinné údaje vyplní uchádzač</t>
  </si>
  <si>
    <t>podpis:</t>
  </si>
  <si>
    <t>meno:</t>
  </si>
  <si>
    <t>pracovná pozícia:</t>
  </si>
  <si>
    <t>pečiatka:</t>
  </si>
  <si>
    <t>Kalkulácia ceny - Štruktúrovaný rozpočet ceny predmetu zákazky</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Demontáž a likvidácia pôvodného angiografu</t>
  </si>
  <si>
    <t>Dodanie predmetu zákazky t.j. zabezpečenie dopravy do miesta plnenia, jeho vyloženie v mieste plnenia, vybalenie a likvidácia obalov</t>
  </si>
  <si>
    <t>Kompletizácia, inštalácia a uvedenie do prevádzky  vrátane potrebných stavebných prác</t>
  </si>
  <si>
    <t xml:space="preserve">Odskúšanie funkčnosti a prevádzkyschopnosti dodaného predmetu zákazky, vykonanie prvej úradnej skúšky (preberacej skúšky) a vykonanie skúšky dlhodobej stability </t>
  </si>
  <si>
    <r>
      <t xml:space="preserve">Výstupný dokument posudzovania zhody </t>
    </r>
    <r>
      <rPr>
        <sz val="10"/>
        <color theme="1"/>
        <rFont val="Arial"/>
        <family val="2"/>
        <charset val="238"/>
      </rPr>
      <t>(EÚ vyhlásenie o zhode, označenie CE, značka zhody, certifikát, rozhodnutie, protokol, správa, stanovisko, záznam alebo iný dokument vydaný autorizovanou osobou alebo notifikovanou osobou, ktorý osvedčuje splnenie základných požiadaviek určeného výrobku postupom posudzovania zhody) podľa zák. č. 58/2018 Z.z. o posudzovaní zhody výrobku, sprístupňovaní určeného výrobku na trhu a o zmene a doplnení niektorých zákonov (ďalej len "zákon o zhode") v prípade, ak tak ustanovuje technický predpis z oblasti posudzovania zhody v zmysle zákona o zhode.
Uchádzač predloženým dokumentom preukáže, že všetky ponúkané produkty spĺňajú požiadavky, ktoré sa na nich vzťahujú podľa zákona o zhode a technického predpisu z oblasti posudzovania zhody, že boli dodržané postupy posudzovania zhody ustanovené zákonom o zhode alebo iným osobitným predpisom, a že určené výrobky sú správne označené.</t>
    </r>
  </si>
  <si>
    <t>2.1.</t>
  </si>
  <si>
    <t>2.2.</t>
  </si>
  <si>
    <t>2.3.</t>
  </si>
  <si>
    <t>2.4.</t>
  </si>
  <si>
    <t>2.5.</t>
  </si>
  <si>
    <t>2.6.</t>
  </si>
  <si>
    <t>8.1.</t>
  </si>
  <si>
    <t>8.2.</t>
  </si>
  <si>
    <t>8.3.</t>
  </si>
  <si>
    <t>8.4.</t>
  </si>
  <si>
    <t>8.5.</t>
  </si>
  <si>
    <t>8.6.</t>
  </si>
  <si>
    <t>8.7.</t>
  </si>
  <si>
    <t>8.8.</t>
  </si>
  <si>
    <t>8.9.</t>
  </si>
  <si>
    <t>8.10.</t>
  </si>
  <si>
    <t>9.1.</t>
  </si>
  <si>
    <t>10.1.</t>
  </si>
  <si>
    <t>10.2.</t>
  </si>
  <si>
    <t>11.1.</t>
  </si>
  <si>
    <t>11.2.</t>
  </si>
  <si>
    <t>12.</t>
  </si>
  <si>
    <t>13.</t>
  </si>
  <si>
    <t>14.</t>
  </si>
  <si>
    <t>v pracovných dňoch,</t>
  </si>
  <si>
    <t>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uzatvorenie kúpnej zmluvy.</t>
  </si>
  <si>
    <t xml:space="preserve">Dodávateľ poskytuje na prístroj a všetky jeho súčasti komplexnú záruku v trvaní 60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V prípade, ak sa na predmet zákazky vykonala prípravná trhová konzultácia, informácie k prípravnej trhovej konzultácie verejný obstarávateľ zverejňuje na internetovej stránke: www.vusch.sk/verejne-obstaravanie/</t>
  </si>
  <si>
    <t>15.</t>
  </si>
  <si>
    <t>16.</t>
  </si>
  <si>
    <t>17.</t>
  </si>
  <si>
    <t>18.</t>
  </si>
  <si>
    <t>19.</t>
  </si>
  <si>
    <t>20.</t>
  </si>
  <si>
    <t>21.</t>
  </si>
  <si>
    <t>22.</t>
  </si>
  <si>
    <t>23.</t>
  </si>
  <si>
    <t>Požaduje sa dodanie prístroj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Požaduje sa vykonanie skúšky prístroja - elektrická revízia, odborná skúška RTG prístroja v súlade s platnou legislatívou (preberacia skúška), skúška dlhodobej stability. Po úspešnom vykonaní všetkých požadovaných skúšok a odovzdaní skúšobných protokolov Objednávateľovi dôjde k prevzatiu prístroja oprávneným zástupcom Objednávateľa.</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Kúpna cena prístroja zahŕňa aj služby spojené s jeho dodaním, t. j. zabezpečenie dopravy do dohodnutého miesta dodania, dopravu Dodávateľa do miesta poskytnutia služby a späť, demontáž a likvidáciu pôvodného angiografu, všetky potrebné stavebné úpravy,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áruka na 5 rokov od dňa uvedenia do prevádzky</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realizované v slovenskom jazyku, resp. v prípade zahraničného školiteľa musí byť prítomný tlmočník.</t>
  </si>
  <si>
    <t>Položka č. 2</t>
  </si>
  <si>
    <t>Položka č. 3</t>
  </si>
  <si>
    <t>Stavebné úpravy</t>
  </si>
  <si>
    <t>celok</t>
  </si>
  <si>
    <r>
      <t xml:space="preserve">Potvrdenie ŠÚKL </t>
    </r>
    <r>
      <rPr>
        <sz val="10"/>
        <color theme="1"/>
        <rFont val="Arial"/>
        <family val="2"/>
        <charset val="238"/>
      </rPr>
      <t>(výstup z databázy registrovaných/evidovaných zdravotníckych pomôcok), resp. iné doklady, ktoré nahrádzajú požadované potvrdenie</t>
    </r>
  </si>
  <si>
    <r>
      <t>Potvrdenie o autorizovanom servise</t>
    </r>
    <r>
      <rPr>
        <sz val="10"/>
        <color theme="1"/>
        <rFont val="Arial"/>
        <family val="2"/>
        <charset val="238"/>
      </rPr>
      <t xml:space="preserv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t>
    </r>
  </si>
  <si>
    <r>
      <rPr>
        <b/>
        <sz val="10"/>
        <color theme="1"/>
        <rFont val="Arial"/>
        <family val="2"/>
        <charset val="238"/>
      </rP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t>
    </r>
  </si>
  <si>
    <t>Angiograf pre invazívnu kardiológiu vrátane stavebných úprav</t>
  </si>
  <si>
    <t>Angiograf pre invazívnu kardiológiu so 60 mesačnou záručnou dobou</t>
  </si>
  <si>
    <t>1.7</t>
  </si>
  <si>
    <t>1.8</t>
  </si>
  <si>
    <t>1.9</t>
  </si>
  <si>
    <t>1.10</t>
  </si>
  <si>
    <t>1.11</t>
  </si>
  <si>
    <t>1.12</t>
  </si>
  <si>
    <t>1.13</t>
  </si>
  <si>
    <t>1.14</t>
  </si>
  <si>
    <t>1.15</t>
  </si>
  <si>
    <t>1.16</t>
  </si>
  <si>
    <t>1.17</t>
  </si>
  <si>
    <t>možnosť programovania pracovných polôh prístroja min. 10</t>
  </si>
  <si>
    <t>možnosť motorického a manuálneho umiestnenia zariadenia do parkovacej polohy mimo vyšetrovacieho stola kvôli voľnému prístupu k pacientovi zo všetkých strán</t>
  </si>
  <si>
    <t>možnosť zmeny výšky izocentra C-ramena min. 40 cm (uveďte rozsah)</t>
  </si>
  <si>
    <t>motoricky meniteľná vzdialenosť ohniska žiariča a detektora v rozsahu min. 30 cm (uveďte rozsah)</t>
  </si>
  <si>
    <t>rozsah rotácie C ramena v RAO/LAO min. -/+160°</t>
  </si>
  <si>
    <t>musí zabezpečiť ľubovoľnú pracovnú polohu C ramena aj pri ľubovoľnej pozícii vyšetrovacieho stola</t>
  </si>
  <si>
    <t>počas zákrokov musí byť dostatočné miesto pri hlave pacienta na oboch stranách pre prístup anestéziológa</t>
  </si>
  <si>
    <t>pokrytie pacienta počas vyšetrenie bez polohovania min. 210 cm</t>
  </si>
  <si>
    <t>rotačná angiografia s rotáciou min. 360°</t>
  </si>
  <si>
    <t>najvyššia rýchlosť počas manuálnej angulácie medzi pozíciami LAO/RAO min. 25°/sec.</t>
  </si>
  <si>
    <t>najvyššia rýchlosť počas automatického pohonu medzi pozíciami CRAN/CAUD min. 20°/sec.</t>
  </si>
  <si>
    <t>rýchlosť rotácie C-ramena pri rotačnej angiografii min. 60°/sec.</t>
  </si>
  <si>
    <t>2.5</t>
  </si>
  <si>
    <t>2.6</t>
  </si>
  <si>
    <t>podlahovo montovaný  vyšetrovací  stôl výškovo nastaviteľný s plávajúcou  úložnou  doskou s možnosťou  otáčania</t>
  </si>
  <si>
    <t>priečny pohyb dosky vyšetrovacieho stola minimálne 28 cm, +/- 14 cm</t>
  </si>
  <si>
    <t>nosnosť vyšetrovacieho stola s príslušenstvom min. 400 kg</t>
  </si>
  <si>
    <t>všetky ovládacie prvky stola musia byť na konzole upevnené na boku vyšetrovacieho stola pre jednoduchý spôsob a prístup k ovládaniu</t>
  </si>
  <si>
    <t>pozdĺžny pohyb úložnej dosky pacientskeho stola min. 120 cm</t>
  </si>
  <si>
    <t>výkon generátora min. 100 kW pri 100 kV</t>
  </si>
  <si>
    <t>frekvencia striedača VN generátora min. 100 kHz</t>
  </si>
  <si>
    <t>rozsah frekvencie  pulznej skiagrafie min. od 0,5 pulzov/sec do 30 pulzov/sec</t>
  </si>
  <si>
    <t>napájacie napätie RTG žiariča v rozsahu min. 40 – 125 kV</t>
  </si>
  <si>
    <t>4.3</t>
  </si>
  <si>
    <t>4.4</t>
  </si>
  <si>
    <t>4.5</t>
  </si>
  <si>
    <t>4.6</t>
  </si>
  <si>
    <t>4.7</t>
  </si>
  <si>
    <t>4.8</t>
  </si>
  <si>
    <t>4.9</t>
  </si>
  <si>
    <t>4.10</t>
  </si>
  <si>
    <t>4.11</t>
  </si>
  <si>
    <t xml:space="preserve">vysokootáčková mriežkou spínaná röntgenka s anódou uloženou v ložiskách s tekutým kovom </t>
  </si>
  <si>
    <t>plnoautomatická pulzná skiaskopická prevádzka a expozičný režim s voľbou orgánových programov pre každý obrazový mód min. 20</t>
  </si>
  <si>
    <t>maximálny skiaskopický prúd pre malé ohnisko rtg žiariča min. 250 mA</t>
  </si>
  <si>
    <t>tepelná kapacita anódy min. 5 MHU</t>
  </si>
  <si>
    <t>tepelná kapacita rtg žiariča min. 7 MHU</t>
  </si>
  <si>
    <t>počet ohnísk min. 3</t>
  </si>
  <si>
    <t>fyzická veľkosť malého ohniska max. 0,4 mm</t>
  </si>
  <si>
    <t>veľkosť veľkého ohniska max. 1,0 mm</t>
  </si>
  <si>
    <t>maximálny výkon malého ohniska min. 30 kW</t>
  </si>
  <si>
    <t>maximálny výkon veľkého ohniska min. 90 kW</t>
  </si>
  <si>
    <t>kapacita ochladzovania anódy min. 1,5 MHU/min</t>
  </si>
  <si>
    <t>počet prídavných filtrov na zníženie radiačnej dávky min. 3</t>
  </si>
  <si>
    <t>kolimátor s primárnymi vykrývacími obdĺžnikovými clonami a automatickými polopriepustnými clonami s automatickým natáčaním clôn synchronizované s rotáciou C ramena</t>
  </si>
  <si>
    <t>polohovanie kolimátorov bez použitia žiarenia</t>
  </si>
  <si>
    <t>musí obsahovať inteligentný riadiaci softvér, ktorý pomáha minimalizovať dávku röntgenového žiarenia bez negatívnych vplyvov na kvalitu obrazu automatickým zasúvaním medených filtrov počas skiaskopie</t>
  </si>
  <si>
    <t>6.8</t>
  </si>
  <si>
    <t>6.9</t>
  </si>
  <si>
    <t>6.10</t>
  </si>
  <si>
    <t>detektor z kryštalického resp. amorfného silikónu s vysokou citlivosťou</t>
  </si>
  <si>
    <t>aktívne rozmery detektora min. 29x39 cm</t>
  </si>
  <si>
    <t>rozlišovacia schopnosť detektora  min. 3 Lp/mm</t>
  </si>
  <si>
    <t>veľkosť pixela  max. 160 μm</t>
  </si>
  <si>
    <t>hĺbka digitalizácie min.16 bit</t>
  </si>
  <si>
    <t>obrazové spracovanie a archivácia obrazu na internú pamäť  1k x 1k alebo 2k min. 12 bit</t>
  </si>
  <si>
    <t>DQE (kvantová účinnosť detektora)  min. 70%</t>
  </si>
  <si>
    <t>počet prepínateľných formátov  min. 6</t>
  </si>
  <si>
    <t>7.2</t>
  </si>
  <si>
    <t>7.3</t>
  </si>
  <si>
    <t>7.4</t>
  </si>
  <si>
    <t>7.5</t>
  </si>
  <si>
    <t>7.6</t>
  </si>
  <si>
    <t>pre potreby prenosu živého obrazu mimo vyšetrovňu štandardný obrazový výstup pre možnosť realizácie videoprenosov (napr. HDMI) a tiež vybavenie pre skenovanie a streamovanie obsahu veľkoplošného monitora vo vyšetrovni</t>
  </si>
  <si>
    <t>integrovaná komôrka na meranie dávky</t>
  </si>
  <si>
    <t>vyberateľný raster na redukovanie dávky</t>
  </si>
  <si>
    <t>počet videovstupov min. 24</t>
  </si>
  <si>
    <t>ochranný kryt na display  z odolného pevného priehľadného materiálu („tvrdeného skla“)</t>
  </si>
  <si>
    <t>9.6</t>
  </si>
  <si>
    <t>9.7</t>
  </si>
  <si>
    <t>9.8</t>
  </si>
  <si>
    <t>9.9</t>
  </si>
  <si>
    <t>9.10</t>
  </si>
  <si>
    <t>9.11</t>
  </si>
  <si>
    <t>9.12</t>
  </si>
  <si>
    <t>9.13</t>
  </si>
  <si>
    <t>9.14</t>
  </si>
  <si>
    <t>9.15</t>
  </si>
  <si>
    <t>9.16</t>
  </si>
  <si>
    <t>9.17</t>
  </si>
  <si>
    <t>roadmap/digitálna subtrakčná angiografia</t>
  </si>
  <si>
    <t>archivácia snímok na interný pevný disk v DICOM formáte</t>
  </si>
  <si>
    <t>archivácia referenčných snímok na interný pevný disk v DICOM formáte</t>
  </si>
  <si>
    <t>LIH - posledný archivovaný obraz</t>
  </si>
  <si>
    <t>digitálna subtrakčná angiografia vrátane voľby masky, posúvania pixelov v maske automaticky alebo manuálne</t>
  </si>
  <si>
    <t>znázornenie anatomického pozadia v DSA obraze</t>
  </si>
  <si>
    <t>softvér pre zvýraznené znázornenie stentov</t>
  </si>
  <si>
    <t>softvér pre zvýraznené znázornenie stentov v reálnom čase</t>
  </si>
  <si>
    <t>archivácia skiaskopickej slučky v trvaní min 20 sec pri matrici 1k</t>
  </si>
  <si>
    <t>digitálna radiografia s frekvenciou min. 0,5   až  7 obrazov/sec.</t>
  </si>
  <si>
    <t>skiaskopia vrátane pulznej skiaskopie s frekvenciami min. od 0,5 do 30 pulzov/sec.</t>
  </si>
  <si>
    <t>akvizícia a archivácia  kardiologických scén  s frekvenciou min. 15 alebo 30 obrazov/sec.</t>
  </si>
  <si>
    <t>znázornenie obrazu v matrici min  1k x 1k</t>
  </si>
  <si>
    <t>digitálna rádiografia a digitálna subtrakčná angiografia min. frekvenciou pri DSA 0,5 - 7 obrazov/sec., resp. pri 3D min. 60 obrazov/sec.</t>
  </si>
  <si>
    <t>natívna rotačná angiografia s rotáciou min. 60°/sec.</t>
  </si>
  <si>
    <t>rotačná DSA angiografia s rotáciou min. 60°/sec.</t>
  </si>
  <si>
    <t>3D rotačná angiografia s nízko a vysoko kontrastným rozlíšením s rotáciou min. 60°/sec a rýchlosťou snímkovania min 60 obrazov/sec.</t>
  </si>
  <si>
    <t>10.4</t>
  </si>
  <si>
    <t>10.5</t>
  </si>
  <si>
    <t>10.6</t>
  </si>
  <si>
    <t>10.7</t>
  </si>
  <si>
    <t>10.8</t>
  </si>
  <si>
    <t>10.9</t>
  </si>
  <si>
    <t>pulzná skiaskopia</t>
  </si>
  <si>
    <t>protokoly na snímkovanie a skiaskopiu vrátane 3D snímkovania s nízkou dávkou na zredukovanie dávky žiarenia, redukcia dávky min. 60% vo vybraných situáciách</t>
  </si>
  <si>
    <t>automatický riadiaci systém rtg generátora pre plne automatický výpočet a optimalizáciu údajov pre  expozíciu na základe skiaskopických hodnôt</t>
  </si>
  <si>
    <t>automatická filtrácia primárneho žiarenia podľa absorpcie žiarenia objektu dodatočnými medenými filtrami</t>
  </si>
  <si>
    <t>monitorovanie a znázornenie dávky na monitoroch v obsluhovni a vo vyšetrovni v reálnom čase</t>
  </si>
  <si>
    <t>signalizácia dosiahnutia a prekročenia užívateľom stanovenej dávky</t>
  </si>
  <si>
    <t>report o dávke  s štrukturálnom reporte v DICOM formáte (DICOM SR)</t>
  </si>
  <si>
    <t>vyhodnotenie a korekcia homogenity obrazu v reálnom čase</t>
  </si>
  <si>
    <t>automatická úprava šumu obrazu v reálnom čase</t>
  </si>
  <si>
    <t>zvýraznenie hrán žíl v reálnom čase</t>
  </si>
  <si>
    <t>zredukovanie pohybových artefaktov v reálnom čase</t>
  </si>
  <si>
    <t>okamžitý prístup k nasnímaným dátam a možnosť ich prehrávania</t>
  </si>
  <si>
    <t>voľba  Anotácia, Zoom, Meranie uhlov a vzdialeností, vkladanie textov a symbolov do obrazu</t>
  </si>
  <si>
    <t>výstup vo formáte DICOM 3, služby DICOM 3: Send, Storage Commitment, Query/Retrieve, Worklist, SR – štruktúrovaný report (rozšírená štruktúrovaná lekárska správa, záznam výsledkov kvantifikácií), CD/DVD rekordér, MPPS</t>
  </si>
  <si>
    <t>záznamová kapacita pre maticu min. 50 000 obrazov v 1024 x 1024/12 bit</t>
  </si>
  <si>
    <t>spracovanie obrazu a archivácia v matici min. 1024 x 1024/12 bit</t>
  </si>
  <si>
    <t>rozhranie na pripojenie dozimetrického systému na meranie a grafické znázornenie kumulovanej dávky obsluhujúceho personálu na veľkoplošnom monitore vo vyšetrovni</t>
  </si>
  <si>
    <t>rozlíšenie monitora min.  8 Mpix</t>
  </si>
  <si>
    <t>stropný  statívu s tromi 19" monitormi na stropný statív s farebným diagnostickým LCD monitorom pre znázornenie obrazov aj  z iných modalít a 3D obrazu, s uhlopriečkou min. 55"</t>
  </si>
  <si>
    <t xml:space="preserve">automatické synchrónne otáčanie clôn a detektora pri ľubovoľných pohyboch C ramena kvôli kompenzácii rotácie obrazu a zobrazeniu vyšetrovaného objektu vždy vertikálne na obrazovke.  Táto funkcia umožňuje znázorniť aj taký objekt kolmo , vzpriamene na monitore, ktorý nie je paralelne uložený s osou stola ako napr. horné končatiny pri radialnom prístupe. Týmto sa eliminuje potreba opätovného nastavenia polohy obrazu. </t>
  </si>
  <si>
    <t>automatická voľba prídavnej spektrálnej filtrácie RTG žiarenia v závislosti na absorpcii objektu pri každom zvolenom druhu prevádzky (programu) pre zníženie celkovej dávky žiarenia rozsahu ekvivalentu od min. 0,2 až 0,9 mm Cu</t>
  </si>
  <si>
    <t>zariadenie musí mať integrovaný systém merania dávky (DAP meter). Produkovaná dávka a plošná dávka musia byť kumulatívne spracované a zobrazované, správa o dávke musí byť uložená do pacientskej série vyšetrení v DICOM kompatibilnom štruktúrovanom reporte</t>
  </si>
  <si>
    <t>3. RTG generátor</t>
  </si>
  <si>
    <t>4. RTG žiarič</t>
  </si>
  <si>
    <t>5. Clona</t>
  </si>
  <si>
    <t>6. Zobrazovací systém s plochým detektorom</t>
  </si>
  <si>
    <t>7. Display vo vyšetrovacej miestnosti</t>
  </si>
  <si>
    <t>8. Display v ovládacej miestnosti</t>
  </si>
  <si>
    <t>9. Pracovné akvizičné módy</t>
  </si>
  <si>
    <t>10. Aplikácie  na minimalizovanie dávky röntgenového žiarenia bez negatívnych vplyvov na kvalitu  obrazu</t>
  </si>
  <si>
    <t>11. Obrazový systém - základné funkcie</t>
  </si>
  <si>
    <t>12. Obrazový systém , rozšírené funkcie</t>
  </si>
  <si>
    <t>12.7</t>
  </si>
  <si>
    <t>12.8</t>
  </si>
  <si>
    <t>12.9</t>
  </si>
  <si>
    <t>12.10</t>
  </si>
  <si>
    <t>12.11</t>
  </si>
  <si>
    <t>12.12</t>
  </si>
  <si>
    <t>12.13</t>
  </si>
  <si>
    <t>12.14</t>
  </si>
  <si>
    <t>12.15</t>
  </si>
  <si>
    <t>vysokokontrastné znázornenie jemných štruktúr vo vysokom rozlíšení,</t>
  </si>
  <si>
    <t>segmentácia anatomických štruktúr z nezávislých obrazových zdrojov ako MR,CT, alebo angio obrazu,</t>
  </si>
  <si>
    <t>SW na vizualizáciu mäkkých tkanív srdca a na vizualizáciu a automatickú segmentáciu ľavej predsiene srdca z generovaných obrazov na angiografickom prístroji pomocou Cone Beam CT technológiou, aj z generovaných CT alebo MR obrazov. SW umožňuje virtuálne endoskopické znázornenie ľavej predsiene a pulmonálnej tepny.  Segmentácie a vyznačené objekty alebo ablačné body môžu byť fúzované do 3D obrazu mapovacieho systému a následne použité pri vykonávaní intervenčných postupov.</t>
  </si>
  <si>
    <t>rotačná angiografia s rozsahom rotácie min. 360°</t>
  </si>
  <si>
    <t>softvérový  na prehrávanie a spracovanie angiografických a kardiologických záberov vrátane DSA obrazov</t>
  </si>
  <si>
    <t>kvantifikácia koronárnych ciev</t>
  </si>
  <si>
    <t>kvantifikácia veľkých ciev</t>
  </si>
  <si>
    <t>fúzia 3D obrazov z nezávislých obrazových zdrojov ako MR,CT s 3D angio obrazom</t>
  </si>
  <si>
    <t>fúzia 3D obrazov z nezávislých obrazových zdrojov ako MR,CT  s 2D angio obrazom</t>
  </si>
  <si>
    <t>program na podporu pri zavádzaní a výmeny aortálnej chlopne</t>
  </si>
  <si>
    <t>SW pre automatické nastavenie pozície ramena do polohy vybranej používateľom v 3D mape, resp. automatické nasledovanie 3D obrazu v závislosti na zmene polohy ramena</t>
  </si>
  <si>
    <t>duálna vizualizácia substrahovaného  a 3D  obrazu</t>
  </si>
  <si>
    <t>13. Obsluha zariadenia vo vyšetrovni</t>
  </si>
  <si>
    <t>ovládanie všetkých funkcií C ramena, detektora, kolimátora a stola priamo od vyšetrovacieho stola aj z ovládovne, možnosť vizualizácie uhlovej pozície C ramena na monitore vo vyšetrovni aj v ovládovni</t>
  </si>
  <si>
    <t>modul pre druhé ovládanie intervenčného SW a multimodalitného zobrazenia priamo od vyšetrovacieho stola so zobrazením výstupu na veľkoplošnom monitore zavesenom na stropnom závese vo vyšetrovni</t>
  </si>
  <si>
    <t>bezkáblový nožný spínač vo vyšetrovni pre ovládanie expozície, skiaskopie fluoroskopie a drôtový nožný spínač v obsluhovni pre ovládanie expozície, skiaskopie fluoroskopie</t>
  </si>
  <si>
    <t>14. Príslušenstvo:</t>
  </si>
  <si>
    <t>14.1</t>
  </si>
  <si>
    <t>14.2</t>
  </si>
  <si>
    <t>14.3</t>
  </si>
  <si>
    <t>14.4</t>
  </si>
  <si>
    <t>14.5</t>
  </si>
  <si>
    <t>14.6</t>
  </si>
  <si>
    <t>radiačná ochrana vrchnej  časti tela</t>
  </si>
  <si>
    <t xml:space="preserve">bodové svetlo na otočnom ramene </t>
  </si>
  <si>
    <t>14.7</t>
  </si>
  <si>
    <t>radiačná ochrana spodnej časti tela</t>
  </si>
  <si>
    <t>dorozumievacie zariadenie medzi obsluhovňou a vyšetrovňou</t>
  </si>
  <si>
    <t>záložný zdroj na zabezpečenie nepretržitej prevádzky po výpadku elektrickej energie do min. 10 minút vrátane núdzovej skiaskopie</t>
  </si>
  <si>
    <t>súčasťou upgrade je aj vypracovanie nového technologického projektu, inštalácia a uvedenie  prístroja do prevádzky a zaškolenie obsluhy do prevádzky aplikačným špecialistom</t>
  </si>
  <si>
    <t>15.1</t>
  </si>
  <si>
    <t>15.2</t>
  </si>
  <si>
    <t>15.3</t>
  </si>
  <si>
    <t>15. HW a SW pre integráciu prístrojov tretích strán</t>
  </si>
  <si>
    <t>integrácia USG prístrojov  s TEEa ICE sondami</t>
  </si>
  <si>
    <t>integrácia IVUS/FFR/iFR</t>
  </si>
  <si>
    <t>Integrácia mobilného OCT/FFR</t>
  </si>
  <si>
    <t>16.1</t>
  </si>
  <si>
    <t>16.2</t>
  </si>
  <si>
    <t>16.3</t>
  </si>
  <si>
    <t>16.4</t>
  </si>
  <si>
    <t>16. HW s SW  hemodynamického systému</t>
  </si>
  <si>
    <t xml:space="preserve">Hemodynamický  informačný a záznamový systém - kompletný systém na vyhodnocovanie hemodynamických parametrov s interfejsom pre obojstrannú komunikáciu s angiografickým zariadením pre transfer demografických dát z angiografického zariadenia ako sú  napr. RAO/LAO uhol, GRAN/CAUD uhol, obrazová frekvencia snímkovania, čas trvania skiaskopie, fokus, dávka žiarenia. </t>
  </si>
  <si>
    <t xml:space="preserve"> Systém musí umožňovať pripojenie a migráciu databázy z existujúcej hemodynamickej stanice pri zachovaní všetkých pôvodných doteraz zaznamenaných pacientskych dát do nového systému. Systém obsahuje softvérové vybavenie na podporu  min. nasledovných režimov: </t>
  </si>
  <si>
    <t>16.2.1</t>
  </si>
  <si>
    <t>16.2.2</t>
  </si>
  <si>
    <t>16.2.3</t>
  </si>
  <si>
    <t>16.2.4</t>
  </si>
  <si>
    <t xml:space="preserve">Systém zahŕňa nasledovné moduly: </t>
  </si>
  <si>
    <t>16.3.1</t>
  </si>
  <si>
    <t>16.3.2</t>
  </si>
  <si>
    <t>16.3.3</t>
  </si>
  <si>
    <t>16.3.4</t>
  </si>
  <si>
    <t>16.3.5</t>
  </si>
  <si>
    <t>vyhľadávanie pacientskych štúdii, správ (report)</t>
  </si>
  <si>
    <t>spracovanie administratívnych dát (predpísané lieky, katétre, prenos dát pacientov  z nemocničného informačného systému plánovaných na invazívny výkon - worklist)</t>
  </si>
  <si>
    <t>vytváranie rôznych správ a meniteľných formulárov z vykonaných vyšetrení</t>
  </si>
  <si>
    <t>2 samostatné monitory v kontrolnej miestnosti pre hemodynamické krivky a textových informácií</t>
  </si>
  <si>
    <t>12 zvodové EKG</t>
  </si>
  <si>
    <t>meranie srdcového výdaja</t>
  </si>
  <si>
    <t>4x invazívny tlak</t>
  </si>
  <si>
    <t>SpO2 v prípade možnosti aj s pletyzmografickou krivkou</t>
  </si>
  <si>
    <t>súčasťou je aj kompletné vybavenie pre kardiológiu  dospelých jedincov pre hemodynamické vyšetrenia pravého/ľavého srdca s potrebnými kalkuláciami hemodynamických parametrov s možnosťou on-line zobrazenia jednotlivých parametrov pre diagnostické/monitorovacie účely, anotácie, so zabudovanou databázou na dlhodobú   archiváciu pacientskych vyšetrení vrátane všetkých meraní a výpočtov</t>
  </si>
  <si>
    <t>Príslušenstvo pre hemodynamický systém:</t>
  </si>
  <si>
    <t>sada káblov a elektród, príslušenstvo na meranie EKG</t>
  </si>
  <si>
    <t>rtg transparentné EKG káble</t>
  </si>
  <si>
    <t>záložný UPS zdroj</t>
  </si>
  <si>
    <t>softvérová aplikácia pre grafickú dokumentáciu srdcových štruktúr</t>
  </si>
  <si>
    <t>softvérová aplikácia pre grafickú dokumentáciu koronárnych ciev</t>
  </si>
  <si>
    <t>vytváranie reportov</t>
  </si>
  <si>
    <t>bezdrôtová čítačka čiarových kódov</t>
  </si>
  <si>
    <t>16.4.1</t>
  </si>
  <si>
    <t>16.4.2</t>
  </si>
  <si>
    <t>16.4.3</t>
  </si>
  <si>
    <t>16.4.4</t>
  </si>
  <si>
    <t>16.4.5</t>
  </si>
  <si>
    <t>16.4.6</t>
  </si>
  <si>
    <t>16.4.7</t>
  </si>
  <si>
    <t>16.4.8</t>
  </si>
  <si>
    <t>17. Dozimetrický systém</t>
  </si>
  <si>
    <t>17.1.</t>
  </si>
  <si>
    <t>18. USG prístroj</t>
  </si>
  <si>
    <t>18.1</t>
  </si>
  <si>
    <t>18.2</t>
  </si>
  <si>
    <t>18.3</t>
  </si>
  <si>
    <t>18.4</t>
  </si>
  <si>
    <t>18.5</t>
  </si>
  <si>
    <t>18.6</t>
  </si>
  <si>
    <t>18.7</t>
  </si>
  <si>
    <t>18.8</t>
  </si>
  <si>
    <t>18.9</t>
  </si>
  <si>
    <t>18.10</t>
  </si>
  <si>
    <t>18.11</t>
  </si>
  <si>
    <t>18.12</t>
  </si>
  <si>
    <t>18.13</t>
  </si>
  <si>
    <t>18.14</t>
  </si>
  <si>
    <t>18.15</t>
  </si>
  <si>
    <t>18.16</t>
  </si>
  <si>
    <t>Ultrazvukový prístroj so sondou,  bez káblového spojenia s ultrazvukovým prístrojom. Spojenie UZ sondy s prístrojom je na báze  bezdrôtovej komunikácie, umožňujúce bezpečnú, ultrazvukom vedenú punkciu cievneho systému v katetrizačnom laboratóriu. Dosah spojenia sondy s prístrojom minimálne2,5 m. UZ prístroj musí podporovať sondy v rozsahu 2-17 MHz. UZ prístroj musí umožniť automatickú registráciu pacienta z informačného systému, zobrazenie obrazu na hlavnom monitore angiokardiografického rtg  prístroja a odoslanie záznamu do PACS systému. UZ sonda musí byt dezinfikovateľná a použiteľná v sterilnom prostredí.</t>
  </si>
  <si>
    <t>2D</t>
  </si>
  <si>
    <t>Color Doppler – farebné mapovanie</t>
  </si>
  <si>
    <t>bezdrôtová lineárna  širokopásmová  sonda  určená  na vyšetrovanie malých častí, ciev a nervov</t>
  </si>
  <si>
    <t>prenos  ultrazuvokových obrazových dát  zo sondy  do USG prístroja cez WiFi</t>
  </si>
  <si>
    <t>počet elementov min. 128</t>
  </si>
  <si>
    <t>bezdrôtová lineárna  širokopásmová  sonda  určená  na vyšetrovanie malých častí, ciev a nervov</t>
  </si>
  <si>
    <t>frekvenčný rozsah min 3-8 MHz</t>
  </si>
  <si>
    <t xml:space="preserve">bezdrôtová konvexná širokopásmová sonda určená na vyšetrovanie oblasti abdoménu </t>
  </si>
  <si>
    <t>frekvenčný rozsah  min. 2-5 MHz</t>
  </si>
  <si>
    <t>bioptické násadce pre lineárnu a konvexnú sondu</t>
  </si>
  <si>
    <t>19.1</t>
  </si>
  <si>
    <t>19.2</t>
  </si>
  <si>
    <t>19.3</t>
  </si>
  <si>
    <t>19.4</t>
  </si>
  <si>
    <t>19.5</t>
  </si>
  <si>
    <t>19.6</t>
  </si>
  <si>
    <t>19.7</t>
  </si>
  <si>
    <t>19. Služby súvisiace s dodaním angiografického systému s príslušenstvom pre invazívnu kardiológiu</t>
  </si>
  <si>
    <t>Požaduje sa jednorázové dodanie nového, nepoužívaného a nerepasovaného prístroja vrátane služieb uvedených v bode 19. časti 4. TECHNICKÁ ŠPECIFIKÁCIA PREDMETU ZÁKAZKY a vrátane stavebných úprav.</t>
  </si>
  <si>
    <t xml:space="preserve">SW pro TAVI, SW vybavenie umožňujúce „live“ živú navigáciu pre vykonávanie napr. TAVI procedúr; SW musí umožňovať on-line fúziu 3D anatomickej mapy srdca (častí srdca) z predom získaných a importovaných  CT dát srdca a živého RTG obrazu   aj z 3D generovaných obrazov na angiografickom prístroji a živého RTG obrazu   </t>
  </si>
  <si>
    <t>automatická regulácia žiarenia pre snímkovanie a skiaskopiu s možnosťou variabilnej pulznej skiaskopie a pulznej skiagrafie</t>
  </si>
  <si>
    <t>antikolízny systém pre pohyby C ramena</t>
  </si>
  <si>
    <t>možnosť vizualizácie uhlov C-ramien na monitore vo vyšetrovacej miestnosti</t>
  </si>
  <si>
    <t>časovo neobmedzený maximálny kontinuálny výkon pri skiaskopickom režime minimálne 3200W</t>
  </si>
  <si>
    <t>projekt  rozvádzača k pripojeniu k  elektrického rozvodu</t>
  </si>
  <si>
    <t>DICOM rozhranie – DICOM HIS/RIS Worklist/MPPS</t>
  </si>
  <si>
    <t xml:space="preserve">Angiografický  systém:  angiografické zariadenie s plochým detektorom,  určené predovšetkým pre vykonávanie angiografií v intervenčnej kardiológii, vrátane DSA. s vysoko flexibilným robotickým C ramenom s maximálnym rozsahom pohybu s priamou digitalizáciou RTG obrazu a jeho plným digitálnym spracovaním, vrátane rotačnej angiografie  s 3D  znázornením obrazu cone beam technnológiou. Upgrade zariadenia zahŕňa predovšetkým:  hardvérovú výmenu opotrebovaných častí angiografického zariadenia vrátane ich odbornú likvidáciu a  nahradenie týchto častí novými jednotkami, softvérový upgrade na vylepšenie funkcionality zariadenia a zníženie radiačnej záťaže pre personál a pacientov pri zlepšenej kvalite obrazu. </t>
  </si>
  <si>
    <t xml:space="preserve">možnosť motorického posúvania C ramena s možnosťou snímkovania a skiaskopie v pozdĺžnom aj v priečnom smere voči pacientskemu stolu  pri konštantnej polohe stola aj pri polohách C ramena na ľavej aj pravej strane pacienta </t>
  </si>
  <si>
    <t>flexibilný systém  C-ramena musí  umožniť dostatok voľného priestoru zo všetkých strán stola a počet parkovacích pozícií počas prípravy pacienta</t>
  </si>
  <si>
    <t>2. Pacientsky stôl</t>
  </si>
  <si>
    <t xml:space="preserve">motorické plynulé výškové nastavenie pacientskeho stola  </t>
  </si>
  <si>
    <t>nastavenie rôznych konfigurácií zobrazení pomocou voľby na dotykovej obrazovke obrazového počítača min. 12</t>
  </si>
  <si>
    <t>diagnostický monitor v obsluhovni s uhlopriečkou min. 30“ , s možnosťou pripojenia viacerých video kanálov a nastavením viacerých rôznych konfigurácií obrazovky pre zobrazenie „LIVE“ a „REF“ RTG obrazov, 3D obrazu, postprocesingových aplikácií, pacientskych dát a obrazov z externých zdrojov</t>
  </si>
  <si>
    <t>automatická optimalizácia dávky pomocou riadenia  minimálne piatich parametrov ako napätie a prúd rtg žiariča, spektrálna filtrácia, dĺžka pulzu a ohnisko, pričom musia byť zohľadnené reálne nastavenia polohy C ramena, vzdialenosť objektu od detektora a žiariča a denzita vyšetrovaného orgánu</t>
  </si>
  <si>
    <t>3D ROADMAPPING - vizualizácia a prelínanie obrazu medzi 2D LIVE fluoro obrazom a 3D rekonštrukciou pre akúkoľvek projekciu, zoom, SID a pozíciu stola, s možnosťou vytvoriť pilotný obraz, ktorý prekrýva LIVE fluoro obraz</t>
  </si>
  <si>
    <t>Cone beam CT pre vizualizáciu srdcových tkanív,
SW a HW vybavenie rozširujúce možnosti angiografického systému o generovanie obrazov podobné ako pri CT – 3D volumetrické zobrazenie, zobrazenie v rezoch s možnosťou nastvenia hrúbky rezov</t>
  </si>
  <si>
    <t>dva moduly pre akvizíciu a ovládanie obrazových parametrov s ovládaním všetkých funkcií obrazového systému, skiaskopie a akvizície priamo od vyšetrovacieho stola a aj z ovládovne</t>
  </si>
  <si>
    <t xml:space="preserve">Dozimetrický  systém umožňujúci  hodnotiť dávku v reálnom čase. Umožňuje zobrazenie ožiarenia pracovníka v každom momente vykonávaného rádiologického vyšetrenia (online) a nielen po jeho skončení, ale aj po mesačnom vyhodnotení, ako je to pri pasívnych dozimetroch.( napr. TLD,OSL,Film). Systém musí zahŕňať min. sadu 4  nových osobných dozimetrov merajúcich dávky v reálnom čase s bezdrôtovým prenosom dát na zobrazovaciu jednotku. Dávky musia byť znázornené aj na veľkoplošnom monitore vo vyšetrovni. Musí vizualizovať ožiarenie pracovníkov s použitím vhodných grafických aj číselných výstupov. Namerané údaje sa automaticky uchovávajú pre rôzne analýzy po rtg. výkonoch. Dozimetre musia merať osobný dávkový ekvivalent Hp(10), vhodný pre odhad efektívnej dávky (mSv), v rozsahu 40-150 kV. </t>
  </si>
  <si>
    <t>frekvenčný rozsah  min. 5-17 MHz</t>
  </si>
  <si>
    <t>prenos  ultrazvukových obrazových dát  zo sondy  do USG prístroja cez WiFi</t>
  </si>
  <si>
    <t xml:space="preserve">Odovzdanie dokumentácie potrebnej pre riadne a bezchybné použitie predmetu zákazky na stanovený účel, a to najmä, no nie len výlučne: technologický projekt,  návod na obsluhu, kompletná užívateľská dokumentácia, technická servisná dokumentácia, certifikáty, skúšobné protokoly. Dodávateľ sa zaväzuje zabezpečiť  pre riadne a včasné splnenie dodávky prístroja v súlade s technologickým projektom a s tým súvisiacej dĺžky a zložitosti stavebných úprav priestorov, najmä:                                                                                                                        a) statický posudok transportnej trasy,
b) statický posudok miesta inštalácie zariadenia,                                                                                                                        c) statický posudok ukotvenia stropných statívov,
d) projekt radiačnej ochrany,
e) príprava transportnej trasy,
f) statické podopretie transportnej plošiny,
g) ukotvenie platne stropného statívu v zmysle statického posudku o strop,                                                                              h) realizáciu/dodávku technologického rozvádzača angiografu,
i) iné potrebné dokumenty týkajúce sa technických požiadaviek v prípade osobitnej požiadavky.
</t>
  </si>
  <si>
    <t>Prospektový materiál</t>
  </si>
  <si>
    <t>Položka č. 4</t>
  </si>
  <si>
    <t>Ostavné služby súvisiace s dodaním angiografického systému s príslušenstvom pre invazívnu kardiológiu</t>
  </si>
  <si>
    <r>
      <t xml:space="preserve">Prospektový materiál </t>
    </r>
    <r>
      <rPr>
        <sz val="10"/>
        <color theme="1"/>
        <rFont val="Arial"/>
        <family val="2"/>
        <charset val="238"/>
      </rPr>
      <t>(resp. iný doklad), prostredníctvom ktorého uchádzač jednoznačne preukáže, že ním ponúkaný produkt spĺňa verejným obstarávateľom požadované minimálne technické vlastnosti, parametre a hodnoty predmetu zákazky. (ak je doklad alebo dokument vyhotovený v inom ako štátnom jazyku alebo českom jazyku, predkladá sa spolu s jeho úradným prekladom do štátneho jazyka).</t>
    </r>
  </si>
  <si>
    <t>33111720-4 Angiografické prístroje</t>
  </si>
  <si>
    <t xml:space="preserve">51410000-9 Inštalácia lekárskych zariadení </t>
  </si>
  <si>
    <t>do 30 kalendárnych dní odo dňa účinnosti zmluvy,</t>
  </si>
  <si>
    <t>Inštalácia nového, nepoužívaného a nerepasovaného prístroja podľa technologického projektu úspešného uchádzača zahŕňa demontáž a likvidáciu pôvodného angiografu, všetky potrebné stavebné úpravy súvisiace s inštaláciou a montážou nového prístroja a jeho riadneho uvedenia do prevádzky, pričom druhý prístroj Objednávateľa musí zostať v plnej prevádzke a celková dĺžka realizácie inštalácie a uvedenia do prevádzky nového prístroja sa požaduje do 30 kalendárnych dní odo dňa účinnosti zmluvy.*
*Ak Dodávateľ neakceptuje uvedenú lehotu uvedie ním navrhovanú dĺžku lehot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10"/>
      <color rgb="FF000000"/>
      <name val="Times New Roman"/>
      <family val="1"/>
      <charset val="238"/>
    </font>
    <font>
      <sz val="8"/>
      <color theme="1"/>
      <name val="Times New Roman"/>
      <family val="1"/>
      <charset val="238"/>
    </font>
    <font>
      <sz val="9"/>
      <name val="Arial"/>
      <family val="2"/>
      <charset val="238"/>
    </font>
    <font>
      <sz val="8"/>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FF00"/>
        <bgColor indexed="64"/>
      </patternFill>
    </fill>
  </fills>
  <borders count="48">
    <border>
      <left/>
      <right/>
      <top/>
      <bottom/>
      <diagonal/>
    </border>
    <border>
      <left style="medium">
        <color auto="1"/>
      </left>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right style="medium">
        <color auto="1"/>
      </right>
      <top/>
      <bottom style="thin">
        <color auto="1"/>
      </bottom>
      <diagonal/>
    </border>
    <border>
      <left style="thin">
        <color auto="1"/>
      </left>
      <right style="thin">
        <color auto="1"/>
      </right>
      <top/>
      <bottom style="thin">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right style="medium">
        <color auto="1"/>
      </right>
      <top style="medium">
        <color auto="1"/>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auto="1"/>
      </top>
      <bottom/>
      <diagonal/>
    </border>
    <border>
      <left/>
      <right style="medium">
        <color auto="1"/>
      </right>
      <top style="medium">
        <color auto="1"/>
      </top>
      <bottom/>
      <diagonal/>
    </border>
    <border>
      <left style="thin">
        <color auto="1"/>
      </left>
      <right style="dotted">
        <color auto="1"/>
      </right>
      <top style="dotted">
        <color auto="1"/>
      </top>
      <bottom style="medium">
        <color auto="1"/>
      </bottom>
      <diagonal/>
    </border>
    <border>
      <left style="thin">
        <color auto="1"/>
      </left>
      <right/>
      <top style="medium">
        <color auto="1"/>
      </top>
      <bottom style="dotted">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medium">
        <color indexed="64"/>
      </bottom>
      <diagonal/>
    </border>
    <border>
      <left style="dotted">
        <color auto="1"/>
      </left>
      <right style="medium">
        <color auto="1"/>
      </right>
      <top style="dotted">
        <color auto="1"/>
      </top>
      <bottom style="medium">
        <color auto="1"/>
      </bottom>
      <diagonal/>
    </border>
    <border>
      <left style="thin">
        <color auto="1"/>
      </left>
      <right style="medium">
        <color indexed="64"/>
      </right>
      <top/>
      <bottom style="thin">
        <color auto="1"/>
      </bottom>
      <diagonal/>
    </border>
    <border>
      <left style="thin">
        <color auto="1"/>
      </left>
      <right style="thin">
        <color auto="1"/>
      </right>
      <top style="medium">
        <color indexed="64"/>
      </top>
      <bottom/>
      <diagonal/>
    </border>
    <border>
      <left style="thin">
        <color auto="1"/>
      </left>
      <right style="medium">
        <color indexed="64"/>
      </right>
      <top style="medium">
        <color indexed="64"/>
      </top>
      <bottom/>
      <diagonal/>
    </border>
    <border>
      <left style="medium">
        <color indexed="64"/>
      </left>
      <right style="thin">
        <color auto="1"/>
      </right>
      <top/>
      <bottom style="medium">
        <color indexed="64"/>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s>
  <cellStyleXfs count="8">
    <xf numFmtId="0" fontId="0" fillId="0" borderId="0"/>
    <xf numFmtId="0" fontId="4" fillId="0" borderId="0"/>
    <xf numFmtId="0" fontId="4" fillId="0" borderId="0"/>
    <xf numFmtId="0" fontId="1" fillId="0" borderId="0"/>
    <xf numFmtId="0" fontId="4" fillId="0" borderId="0"/>
    <xf numFmtId="0" fontId="1" fillId="0" borderId="0"/>
    <xf numFmtId="0" fontId="14" fillId="0" borderId="0"/>
    <xf numFmtId="0" fontId="4" fillId="0" borderId="0"/>
  </cellStyleXfs>
  <cellXfs count="187">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5" xfId="0" applyFont="1" applyFill="1" applyBorder="1" applyAlignment="1" applyProtection="1">
      <alignment wrapText="1"/>
      <protection locked="0"/>
    </xf>
    <xf numFmtId="0" fontId="15" fillId="0" borderId="0" xfId="0" applyFont="1" applyAlignment="1" applyProtection="1">
      <alignment horizontal="left" vertical="center"/>
      <protection locked="0"/>
    </xf>
    <xf numFmtId="0" fontId="16" fillId="0" borderId="0" xfId="7" applyFont="1" applyAlignment="1" applyProtection="1">
      <alignment horizontal="left"/>
      <protection locked="0"/>
    </xf>
    <xf numFmtId="0" fontId="16" fillId="0" borderId="0" xfId="7" applyFont="1" applyAlignment="1" applyProtection="1">
      <alignment horizontal="center"/>
      <protection locked="0"/>
    </xf>
    <xf numFmtId="0" fontId="16" fillId="0" borderId="0" xfId="7" applyFont="1" applyFill="1" applyBorder="1" applyProtection="1">
      <protection locked="0"/>
    </xf>
    <xf numFmtId="164" fontId="16" fillId="0" borderId="0" xfId="7" applyNumberFormat="1" applyFont="1" applyAlignment="1" applyProtection="1">
      <alignment horizontal="right"/>
      <protection locked="0"/>
    </xf>
    <xf numFmtId="0" fontId="16" fillId="0" borderId="0" xfId="7" applyFont="1" applyProtection="1">
      <protection locked="0"/>
    </xf>
    <xf numFmtId="0" fontId="2" fillId="0" borderId="0" xfId="0" applyFont="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7" fillId="2" borderId="8" xfId="0" applyNumberFormat="1" applyFont="1" applyFill="1" applyBorder="1" applyAlignment="1" applyProtection="1">
      <alignment horizontal="left" vertical="top"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9" fillId="0" borderId="0" xfId="0" applyNumberFormat="1" applyFont="1" applyFill="1" applyAlignment="1" applyProtection="1">
      <alignment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0" borderId="0" xfId="0" applyFont="1" applyFill="1" applyAlignment="1" applyProtection="1">
      <alignment horizontal="left" vertical="top" wrapText="1"/>
      <protection locked="0"/>
    </xf>
    <xf numFmtId="0" fontId="2" fillId="3" borderId="8" xfId="0" applyFont="1" applyFill="1" applyBorder="1" applyAlignment="1" applyProtection="1">
      <alignment horizontal="left" vertical="top" wrapText="1"/>
      <protection locked="0"/>
    </xf>
    <xf numFmtId="0" fontId="2" fillId="3" borderId="3"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6" borderId="8" xfId="0" applyFont="1" applyFill="1" applyBorder="1" applyAlignment="1" applyProtection="1">
      <alignment vertical="center" wrapText="1"/>
      <protection locked="0"/>
    </xf>
    <xf numFmtId="0" fontId="4" fillId="6" borderId="3" xfId="0" applyFont="1" applyFill="1" applyBorder="1" applyAlignment="1" applyProtection="1">
      <alignment horizontal="left" vertical="center" wrapText="1"/>
      <protection locked="0"/>
    </xf>
    <xf numFmtId="0" fontId="2" fillId="6" borderId="8" xfId="0" applyFont="1" applyFill="1" applyBorder="1" applyAlignment="1" applyProtection="1">
      <alignment horizontal="center"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6" borderId="0" xfId="0" applyFont="1" applyFill="1" applyAlignment="1" applyProtection="1">
      <alignment vertical="center" wrapText="1"/>
      <protection locked="0"/>
    </xf>
    <xf numFmtId="49" fontId="3" fillId="0" borderId="0" xfId="0" applyNumberFormat="1" applyFont="1" applyFill="1" applyAlignment="1" applyProtection="1">
      <alignment horizontal="left" vertical="top" wrapText="1"/>
      <protection locked="0"/>
    </xf>
    <xf numFmtId="0" fontId="2" fillId="0" borderId="0" xfId="0" applyFont="1" applyFill="1" applyAlignment="1" applyProtection="1">
      <alignment wrapText="1"/>
      <protection locked="0"/>
    </xf>
    <xf numFmtId="0" fontId="2" fillId="0" borderId="0" xfId="0" applyFont="1" applyFill="1" applyAlignment="1" applyProtection="1">
      <alignment vertical="top" wrapText="1"/>
      <protection locked="0"/>
    </xf>
    <xf numFmtId="0" fontId="9" fillId="0" borderId="0" xfId="0" applyFont="1" applyAlignment="1" applyProtection="1">
      <alignment horizontal="center" vertical="center" wrapText="1"/>
      <protection locked="0"/>
    </xf>
    <xf numFmtId="49" fontId="4" fillId="2" borderId="28" xfId="0" applyNumberFormat="1" applyFont="1" applyFill="1" applyBorder="1" applyAlignment="1" applyProtection="1">
      <alignment horizontal="center" vertical="center" wrapText="1"/>
      <protection locked="0"/>
    </xf>
    <xf numFmtId="49" fontId="2" fillId="2" borderId="12"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wrapText="1"/>
      <protection locked="0"/>
    </xf>
    <xf numFmtId="0" fontId="3" fillId="2" borderId="8" xfId="0" applyNumberFormat="1" applyFont="1" applyFill="1" applyBorder="1" applyAlignment="1" applyProtection="1">
      <alignment horizontal="left" vertical="center" wrapText="1"/>
      <protection locked="0"/>
    </xf>
    <xf numFmtId="49" fontId="2" fillId="0" borderId="20" xfId="0" applyNumberFormat="1" applyFont="1" applyBorder="1" applyAlignment="1" applyProtection="1">
      <alignment vertical="center" wrapText="1"/>
      <protection locked="0"/>
    </xf>
    <xf numFmtId="49" fontId="2" fillId="0" borderId="19" xfId="0" applyNumberFormat="1" applyFont="1" applyBorder="1" applyAlignment="1" applyProtection="1">
      <alignment vertical="center" wrapText="1"/>
      <protection locked="0"/>
    </xf>
    <xf numFmtId="0" fontId="3" fillId="2" borderId="14" xfId="0" applyNumberFormat="1" applyFont="1" applyFill="1" applyBorder="1" applyAlignment="1" applyProtection="1">
      <alignment horizontal="left" vertical="center" wrapText="1"/>
      <protection locked="0"/>
    </xf>
    <xf numFmtId="49" fontId="2" fillId="0" borderId="37" xfId="0" applyNumberFormat="1" applyFont="1" applyBorder="1" applyAlignment="1" applyProtection="1">
      <alignment vertical="center" wrapText="1"/>
      <protection locked="0"/>
    </xf>
    <xf numFmtId="49" fontId="2" fillId="2" borderId="32" xfId="0" applyNumberFormat="1" applyFont="1" applyFill="1" applyBorder="1" applyAlignment="1" applyProtection="1">
      <alignment horizontal="center" vertical="center" wrapText="1"/>
      <protection locked="0"/>
    </xf>
    <xf numFmtId="0" fontId="2" fillId="0" borderId="33" xfId="0" applyFont="1" applyFill="1" applyBorder="1" applyAlignment="1" applyProtection="1">
      <alignment vertical="center" wrapText="1"/>
      <protection locked="0"/>
    </xf>
    <xf numFmtId="0" fontId="2" fillId="0" borderId="7" xfId="0" applyFont="1" applyFill="1" applyBorder="1" applyAlignment="1" applyProtection="1">
      <alignment vertical="center" wrapText="1"/>
      <protection locked="0"/>
    </xf>
    <xf numFmtId="0" fontId="2" fillId="0" borderId="7" xfId="0" applyFont="1" applyFill="1" applyBorder="1" applyAlignment="1" applyProtection="1">
      <alignment horizontal="left" vertical="center" wrapText="1"/>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28" xfId="0" applyNumberFormat="1" applyFont="1" applyFill="1" applyBorder="1" applyAlignment="1" applyProtection="1">
      <alignment horizontal="center" vertical="center" wrapText="1"/>
      <protection locked="0"/>
    </xf>
    <xf numFmtId="0" fontId="2" fillId="0" borderId="7" xfId="0" applyFont="1" applyFill="1" applyBorder="1" applyAlignment="1" applyProtection="1">
      <alignment horizontal="center" vertical="center" wrapText="1"/>
      <protection locked="0"/>
    </xf>
    <xf numFmtId="0" fontId="11" fillId="2" borderId="14" xfId="0" applyNumberFormat="1" applyFont="1" applyFill="1" applyBorder="1" applyAlignment="1" applyProtection="1">
      <alignment horizontal="left" vertical="top" wrapText="1"/>
      <protection locked="0"/>
    </xf>
    <xf numFmtId="0" fontId="2" fillId="0" borderId="31" xfId="0" applyFont="1" applyFill="1" applyBorder="1" applyAlignment="1" applyProtection="1">
      <alignment vertical="center" wrapText="1"/>
      <protection locked="0"/>
    </xf>
    <xf numFmtId="49" fontId="5" fillId="6" borderId="0" xfId="1" applyNumberFormat="1" applyFont="1" applyFill="1" applyBorder="1" applyAlignment="1" applyProtection="1">
      <alignment horizontal="left" vertical="center" wrapText="1"/>
      <protection locked="0"/>
    </xf>
    <xf numFmtId="0" fontId="2" fillId="6" borderId="0" xfId="0" applyFont="1" applyFill="1" applyAlignment="1" applyProtection="1">
      <alignment vertical="top"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0" fontId="7" fillId="0" borderId="0" xfId="5" applyFont="1" applyAlignment="1" applyProtection="1">
      <alignment vertical="top"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vertical="top" wrapText="1"/>
      <protection locked="0"/>
    </xf>
    <xf numFmtId="0" fontId="7" fillId="0" borderId="0" xfId="0" applyFont="1" applyAlignment="1" applyProtection="1">
      <alignment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right"/>
      <protection locked="0"/>
    </xf>
    <xf numFmtId="0" fontId="12" fillId="0" borderId="13"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4" fillId="0" borderId="8" xfId="6" applyFont="1" applyBorder="1" applyAlignment="1" applyProtection="1">
      <alignment vertical="center" wrapText="1"/>
    </xf>
    <xf numFmtId="0" fontId="13" fillId="0" borderId="8" xfId="0" applyFont="1" applyBorder="1" applyAlignment="1" applyProtection="1">
      <alignment horizontal="left" vertical="center" wrapText="1"/>
    </xf>
    <xf numFmtId="0" fontId="4" fillId="0" borderId="8" xfId="0" applyFont="1" applyBorder="1" applyAlignment="1" applyProtection="1">
      <alignment horizontal="left" vertical="center" wrapText="1"/>
    </xf>
    <xf numFmtId="0" fontId="4" fillId="0" borderId="8" xfId="6" applyFont="1" applyBorder="1" applyAlignment="1" applyProtection="1">
      <alignment horizontal="left" vertical="center" wrapText="1"/>
    </xf>
    <xf numFmtId="0" fontId="13" fillId="0" borderId="8" xfId="6" applyFont="1" applyBorder="1" applyAlignment="1" applyProtection="1">
      <alignment horizontal="left" vertical="center" wrapText="1"/>
    </xf>
    <xf numFmtId="0" fontId="2" fillId="0" borderId="8" xfId="0" applyFont="1" applyBorder="1" applyAlignment="1" applyProtection="1">
      <alignment horizontal="left" vertical="center" wrapText="1" indent="1"/>
    </xf>
    <xf numFmtId="0" fontId="4" fillId="6" borderId="8" xfId="6" applyFont="1" applyFill="1" applyBorder="1" applyAlignment="1" applyProtection="1">
      <alignment vertical="center" wrapText="1"/>
    </xf>
    <xf numFmtId="0" fontId="2" fillId="0" borderId="8" xfId="0" applyFont="1" applyBorder="1" applyAlignment="1" applyProtection="1">
      <alignment vertical="center" wrapText="1"/>
    </xf>
    <xf numFmtId="0" fontId="4" fillId="6" borderId="8" xfId="0" applyFont="1" applyFill="1" applyBorder="1" applyAlignment="1" applyProtection="1">
      <alignment horizontal="left" vertical="center" wrapText="1"/>
    </xf>
    <xf numFmtId="0" fontId="2" fillId="6" borderId="8" xfId="0" applyFont="1" applyFill="1" applyBorder="1" applyAlignment="1" applyProtection="1">
      <alignment horizontal="left" vertical="center" wrapText="1"/>
    </xf>
    <xf numFmtId="0" fontId="2" fillId="6" borderId="4" xfId="0" applyFont="1" applyFill="1" applyBorder="1" applyAlignment="1" applyProtection="1">
      <alignment vertical="center" wrapText="1"/>
    </xf>
    <xf numFmtId="0" fontId="2" fillId="6" borderId="2" xfId="0" applyFont="1" applyFill="1" applyBorder="1" applyAlignment="1" applyProtection="1">
      <alignment vertical="center" wrapText="1"/>
    </xf>
    <xf numFmtId="49" fontId="2" fillId="0" borderId="18" xfId="0" applyNumberFormat="1" applyFont="1" applyBorder="1" applyAlignment="1" applyProtection="1">
      <alignment horizontal="center" vertical="center" wrapText="1"/>
    </xf>
    <xf numFmtId="0" fontId="4" fillId="0" borderId="41" xfId="0" applyFont="1" applyBorder="1" applyAlignment="1" applyProtection="1">
      <alignment vertical="center" wrapText="1"/>
    </xf>
    <xf numFmtId="49" fontId="2" fillId="6" borderId="38" xfId="0" applyNumberFormat="1" applyFont="1" applyFill="1" applyBorder="1" applyAlignment="1" applyProtection="1">
      <alignment horizontal="center" vertical="center" wrapText="1"/>
    </xf>
    <xf numFmtId="0" fontId="4" fillId="6" borderId="42" xfId="0" applyFont="1" applyFill="1" applyBorder="1" applyAlignment="1" applyProtection="1">
      <alignment vertical="center" wrapText="1"/>
    </xf>
    <xf numFmtId="49" fontId="2" fillId="6" borderId="39" xfId="0" applyNumberFormat="1" applyFont="1" applyFill="1" applyBorder="1" applyAlignment="1" applyProtection="1">
      <alignment horizontal="right" vertical="center" wrapText="1"/>
    </xf>
    <xf numFmtId="0" fontId="4" fillId="6" borderId="43" xfId="0" applyFont="1" applyFill="1" applyBorder="1" applyAlignment="1" applyProtection="1">
      <alignment vertical="center" wrapText="1"/>
    </xf>
    <xf numFmtId="49" fontId="2" fillId="6" borderId="40" xfId="0" applyNumberFormat="1" applyFont="1" applyFill="1" applyBorder="1" applyAlignment="1" applyProtection="1">
      <alignment horizontal="right" vertical="center" wrapText="1"/>
    </xf>
    <xf numFmtId="0" fontId="4" fillId="6" borderId="44" xfId="0" applyFont="1" applyFill="1" applyBorder="1" applyAlignment="1" applyProtection="1">
      <alignment vertical="center" wrapText="1"/>
    </xf>
    <xf numFmtId="49" fontId="2" fillId="0" borderId="18"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49" fontId="2" fillId="0" borderId="6" xfId="0" applyNumberFormat="1" applyFont="1" applyFill="1" applyBorder="1" applyAlignment="1" applyProtection="1">
      <alignment horizontal="center" vertical="center" wrapText="1"/>
    </xf>
    <xf numFmtId="0" fontId="4" fillId="6" borderId="3" xfId="0" applyFont="1" applyFill="1" applyBorder="1" applyAlignment="1" applyProtection="1">
      <alignment vertical="center" wrapText="1"/>
    </xf>
    <xf numFmtId="49" fontId="2" fillId="0" borderId="38" xfId="0" applyNumberFormat="1" applyFont="1" applyFill="1" applyBorder="1" applyAlignment="1" applyProtection="1">
      <alignment horizontal="center" vertical="center" wrapText="1"/>
    </xf>
    <xf numFmtId="0" fontId="4" fillId="6" borderId="45" xfId="0" applyFont="1" applyFill="1" applyBorder="1" applyAlignment="1" applyProtection="1">
      <alignment vertical="center" wrapText="1"/>
    </xf>
    <xf numFmtId="49" fontId="2" fillId="0" borderId="39" xfId="0" applyNumberFormat="1" applyFont="1" applyFill="1" applyBorder="1" applyAlignment="1" applyProtection="1">
      <alignment horizontal="right" vertical="center" wrapText="1"/>
    </xf>
    <xf numFmtId="0" fontId="4" fillId="6" borderId="46" xfId="0" applyFont="1" applyFill="1" applyBorder="1" applyAlignment="1" applyProtection="1">
      <alignment vertical="center" wrapText="1"/>
    </xf>
    <xf numFmtId="49" fontId="2" fillId="0" borderId="40" xfId="0" applyNumberFormat="1" applyFont="1" applyFill="1" applyBorder="1" applyAlignment="1" applyProtection="1">
      <alignment horizontal="right" vertical="center" wrapText="1"/>
    </xf>
    <xf numFmtId="0" fontId="4" fillId="6" borderId="47" xfId="0" applyFont="1" applyFill="1" applyBorder="1" applyAlignment="1" applyProtection="1">
      <alignment vertical="center" wrapText="1"/>
    </xf>
    <xf numFmtId="49" fontId="2" fillId="6" borderId="6" xfId="0" applyNumberFormat="1" applyFont="1" applyFill="1" applyBorder="1" applyAlignment="1" applyProtection="1">
      <alignment horizontal="center" vertical="center" wrapText="1"/>
    </xf>
    <xf numFmtId="0" fontId="2" fillId="0" borderId="0" xfId="0" applyFont="1" applyAlignment="1" applyProtection="1">
      <alignment vertical="center" wrapText="1"/>
    </xf>
    <xf numFmtId="0" fontId="4" fillId="6" borderId="8" xfId="0" applyFont="1" applyFill="1" applyBorder="1" applyAlignment="1" applyProtection="1">
      <alignment vertical="center" wrapText="1"/>
    </xf>
    <xf numFmtId="0" fontId="3" fillId="6" borderId="16" xfId="0" applyFont="1" applyFill="1" applyBorder="1" applyAlignment="1" applyProtection="1">
      <alignment horizontal="left" vertical="center" wrapText="1"/>
    </xf>
    <xf numFmtId="0" fontId="3" fillId="6" borderId="8" xfId="0" applyFont="1" applyFill="1" applyBorder="1" applyAlignment="1" applyProtection="1">
      <alignment horizontal="left" vertical="center" wrapText="1"/>
    </xf>
    <xf numFmtId="0" fontId="2" fillId="6" borderId="21" xfId="0" applyFont="1" applyFill="1" applyBorder="1" applyAlignment="1" applyProtection="1">
      <alignment horizontal="left" vertical="center" wrapText="1"/>
    </xf>
    <xf numFmtId="0" fontId="3" fillId="6" borderId="21" xfId="0" applyFont="1" applyFill="1" applyBorder="1" applyAlignment="1" applyProtection="1">
      <alignment horizontal="left" vertical="center" wrapText="1"/>
    </xf>
    <xf numFmtId="49" fontId="2" fillId="0" borderId="36" xfId="0" applyNumberFormat="1" applyFont="1" applyFill="1" applyBorder="1" applyAlignment="1" applyProtection="1">
      <alignment horizontal="center" vertical="center" wrapText="1"/>
    </xf>
    <xf numFmtId="0" fontId="3" fillId="6" borderId="14" xfId="0" applyFont="1" applyFill="1" applyBorder="1" applyAlignment="1" applyProtection="1">
      <alignment horizontal="left" vertical="center" wrapText="1"/>
    </xf>
    <xf numFmtId="0" fontId="4" fillId="7" borderId="43" xfId="0" applyFont="1" applyFill="1" applyBorder="1" applyAlignment="1" applyProtection="1">
      <alignment vertical="center" wrapText="1"/>
    </xf>
    <xf numFmtId="49" fontId="2" fillId="0" borderId="18" xfId="0" applyNumberFormat="1" applyFont="1" applyFill="1" applyBorder="1" applyAlignment="1" applyProtection="1">
      <alignment horizontal="right" vertical="center" wrapText="1"/>
    </xf>
    <xf numFmtId="49" fontId="2" fillId="6" borderId="18" xfId="0" applyNumberFormat="1" applyFont="1" applyFill="1" applyBorder="1" applyAlignment="1" applyProtection="1">
      <alignment horizontal="center" vertical="center" wrapText="1"/>
    </xf>
    <xf numFmtId="0" fontId="4" fillId="7" borderId="41" xfId="0" applyFont="1" applyFill="1" applyBorder="1" applyAlignment="1" applyProtection="1">
      <alignment vertical="center" wrapText="1"/>
    </xf>
    <xf numFmtId="0" fontId="2" fillId="0" borderId="0" xfId="0" applyFont="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16" fontId="5" fillId="0" borderId="0" xfId="0" applyNumberFormat="1" applyFont="1" applyFill="1" applyAlignment="1" applyProtection="1">
      <alignment horizontal="left" vertical="top" wrapText="1"/>
      <protection locked="0"/>
    </xf>
    <xf numFmtId="0" fontId="7" fillId="0" borderId="0" xfId="5" applyFont="1" applyAlignment="1" applyProtection="1">
      <alignment horizontal="center" vertical="top" wrapText="1"/>
      <protection locked="0"/>
    </xf>
    <xf numFmtId="0" fontId="7" fillId="0" borderId="0" xfId="0" applyNumberFormat="1" applyFont="1" applyBorder="1" applyAlignment="1" applyProtection="1">
      <alignment horizontal="left" vertical="center" wrapText="1"/>
      <protection locked="0"/>
    </xf>
    <xf numFmtId="49" fontId="2" fillId="0" borderId="6" xfId="0" applyNumberFormat="1" applyFont="1" applyBorder="1" applyAlignment="1" applyProtection="1">
      <alignment horizontal="center" vertical="center" wrapText="1"/>
    </xf>
    <xf numFmtId="49" fontId="2" fillId="0" borderId="17" xfId="0" applyNumberFormat="1" applyFont="1" applyBorder="1" applyAlignment="1" applyProtection="1">
      <alignment horizontal="center" vertical="center" wrapText="1"/>
    </xf>
    <xf numFmtId="49" fontId="2" fillId="0" borderId="18" xfId="0" applyNumberFormat="1" applyFont="1" applyBorder="1" applyAlignment="1" applyProtection="1">
      <alignment horizontal="right" vertical="center" wrapText="1"/>
    </xf>
    <xf numFmtId="49" fontId="2" fillId="0" borderId="36" xfId="0" applyNumberFormat="1" applyFont="1" applyBorder="1" applyAlignment="1" applyProtection="1">
      <alignment horizontal="center" vertical="center" wrapText="1"/>
    </xf>
    <xf numFmtId="0" fontId="12" fillId="6" borderId="0" xfId="0" applyFont="1" applyFill="1" applyBorder="1" applyAlignment="1" applyProtection="1">
      <alignment horizont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5" fillId="3" borderId="22" xfId="0" applyFont="1" applyFill="1" applyBorder="1" applyAlignment="1" applyProtection="1">
      <alignment horizontal="left" vertical="center" wrapText="1"/>
      <protection locked="0"/>
    </xf>
    <xf numFmtId="0" fontId="5" fillId="3" borderId="23" xfId="0" applyFont="1" applyFill="1" applyBorder="1" applyAlignment="1" applyProtection="1">
      <alignment horizontal="left" vertical="center" wrapText="1"/>
      <protection locked="0"/>
    </xf>
    <xf numFmtId="0" fontId="5" fillId="3" borderId="19" xfId="0" applyFont="1" applyFill="1" applyBorder="1" applyAlignment="1" applyProtection="1">
      <alignment horizontal="left" vertical="center" wrapText="1"/>
      <protection locked="0"/>
    </xf>
    <xf numFmtId="0" fontId="5" fillId="5" borderId="22" xfId="0" applyFont="1" applyFill="1" applyBorder="1" applyAlignment="1" applyProtection="1">
      <alignment horizontal="left" vertical="center" wrapText="1"/>
      <protection locked="0"/>
    </xf>
    <xf numFmtId="0" fontId="5" fillId="5" borderId="23" xfId="0" applyFont="1" applyFill="1" applyBorder="1" applyAlignment="1" applyProtection="1">
      <alignment horizontal="left" vertical="center" wrapText="1"/>
      <protection locked="0"/>
    </xf>
    <xf numFmtId="0" fontId="5" fillId="5" borderId="19" xfId="0" applyFont="1" applyFill="1" applyBorder="1" applyAlignment="1" applyProtection="1">
      <alignment horizontal="left" vertical="center" wrapText="1"/>
      <protection locked="0"/>
    </xf>
    <xf numFmtId="0" fontId="3" fillId="6" borderId="22" xfId="0" applyFont="1" applyFill="1" applyBorder="1" applyAlignment="1" applyProtection="1">
      <alignment horizontal="left" vertical="center" wrapText="1"/>
      <protection locked="0"/>
    </xf>
    <xf numFmtId="0" fontId="3" fillId="6" borderId="23" xfId="0" applyFont="1" applyFill="1" applyBorder="1" applyAlignment="1" applyProtection="1">
      <alignment horizontal="left" vertical="center" wrapText="1"/>
      <protection locked="0"/>
    </xf>
    <xf numFmtId="0" fontId="3" fillId="6" borderId="19" xfId="0" applyFont="1" applyFill="1" applyBorder="1" applyAlignment="1" applyProtection="1">
      <alignment horizontal="left" vertical="center"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3" fillId="2" borderId="26" xfId="0" applyFont="1" applyFill="1" applyBorder="1" applyAlignment="1" applyProtection="1">
      <alignment horizontal="center" vertical="top" wrapText="1"/>
      <protection locked="0"/>
    </xf>
    <xf numFmtId="0" fontId="3" fillId="2" borderId="27" xfId="0" applyFont="1" applyFill="1" applyBorder="1" applyAlignment="1" applyProtection="1">
      <alignment horizontal="center" vertical="top" wrapText="1"/>
      <protection locked="0"/>
    </xf>
    <xf numFmtId="49" fontId="3" fillId="2" borderId="1" xfId="0" applyNumberFormat="1" applyFont="1" applyFill="1" applyBorder="1" applyAlignment="1" applyProtection="1">
      <alignment horizontal="left" vertical="top" wrapText="1"/>
      <protection locked="0"/>
    </xf>
    <xf numFmtId="49" fontId="3" fillId="2" borderId="1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2" xfId="0" applyNumberFormat="1" applyFont="1" applyFill="1" applyBorder="1" applyAlignment="1" applyProtection="1">
      <alignment horizontal="left" vertical="top" wrapText="1"/>
      <protection locked="0"/>
    </xf>
    <xf numFmtId="49" fontId="4" fillId="0" borderId="0" xfId="1" applyNumberFormat="1" applyFont="1" applyBorder="1" applyAlignment="1" applyProtection="1">
      <alignment horizontal="left" vertical="center" wrapText="1"/>
      <protection locked="0"/>
    </xf>
    <xf numFmtId="49" fontId="3" fillId="3" borderId="6" xfId="0" applyNumberFormat="1" applyFont="1" applyFill="1" applyBorder="1" applyAlignment="1" applyProtection="1">
      <alignment horizontal="left" vertical="center" wrapText="1"/>
      <protection locked="0"/>
    </xf>
    <xf numFmtId="49" fontId="3" fillId="3" borderId="8" xfId="0" applyNumberFormat="1" applyFont="1" applyFill="1" applyBorder="1" applyAlignment="1" applyProtection="1">
      <alignment horizontal="left" vertical="center" wrapText="1"/>
      <protection locked="0"/>
    </xf>
    <xf numFmtId="49" fontId="3" fillId="3" borderId="7" xfId="0" applyNumberFormat="1" applyFont="1" applyFill="1" applyBorder="1" applyAlignment="1" applyProtection="1">
      <alignment horizontal="left" vertical="center" wrapText="1"/>
      <protection locked="0"/>
    </xf>
    <xf numFmtId="49" fontId="3" fillId="3" borderId="22" xfId="0" applyNumberFormat="1" applyFont="1" applyFill="1" applyBorder="1" applyAlignment="1" applyProtection="1">
      <alignment horizontal="left" vertical="center" wrapText="1"/>
      <protection locked="0"/>
    </xf>
    <xf numFmtId="49" fontId="3" fillId="3" borderId="23" xfId="0" applyNumberFormat="1" applyFont="1" applyFill="1" applyBorder="1" applyAlignment="1" applyProtection="1">
      <alignment horizontal="left" vertical="center" wrapText="1"/>
      <protection locked="0"/>
    </xf>
    <xf numFmtId="49" fontId="3" fillId="3" borderId="19" xfId="0" applyNumberFormat="1"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0" fontId="15" fillId="0" borderId="0" xfId="0" applyFont="1" applyAlignment="1" applyProtection="1">
      <alignment horizontal="left"/>
      <protection locked="0"/>
    </xf>
    <xf numFmtId="0" fontId="3" fillId="2" borderId="29" xfId="0" applyFont="1" applyFill="1" applyBorder="1" applyAlignment="1" applyProtection="1">
      <alignment horizontal="center" vertical="top" wrapText="1"/>
      <protection locked="0"/>
    </xf>
    <xf numFmtId="0" fontId="3" fillId="2" borderId="24" xfId="0" applyFont="1" applyFill="1" applyBorder="1" applyAlignment="1" applyProtection="1">
      <alignment horizontal="center" vertical="top" wrapText="1"/>
      <protection locked="0"/>
    </xf>
    <xf numFmtId="49" fontId="3" fillId="2" borderId="15" xfId="0" applyNumberFormat="1" applyFont="1" applyFill="1" applyBorder="1" applyAlignment="1" applyProtection="1">
      <alignment horizontal="left" vertical="top" wrapText="1"/>
      <protection locked="0"/>
    </xf>
    <xf numFmtId="49" fontId="3" fillId="2" borderId="16" xfId="0" applyNumberFormat="1" applyFont="1" applyFill="1" applyBorder="1" applyAlignment="1" applyProtection="1">
      <alignment horizontal="left" vertical="top" wrapText="1"/>
      <protection locked="0"/>
    </xf>
    <xf numFmtId="49" fontId="3" fillId="2" borderId="9" xfId="0" applyNumberFormat="1" applyFont="1" applyFill="1" applyBorder="1" applyAlignment="1" applyProtection="1">
      <alignment horizontal="left" vertical="top" wrapText="1"/>
      <protection locked="0"/>
    </xf>
    <xf numFmtId="49" fontId="3" fillId="2" borderId="14" xfId="0" applyNumberFormat="1" applyFont="1" applyFill="1" applyBorder="1" applyAlignment="1" applyProtection="1">
      <alignment horizontal="left" vertical="top" wrapText="1"/>
      <protection locked="0"/>
    </xf>
    <xf numFmtId="0" fontId="3" fillId="2" borderId="34" xfId="0" applyFont="1" applyFill="1" applyBorder="1" applyAlignment="1" applyProtection="1">
      <alignment horizontal="center" vertical="top" wrapText="1"/>
      <protection locked="0"/>
    </xf>
    <xf numFmtId="0" fontId="3" fillId="2" borderId="35" xfId="0" applyFont="1" applyFill="1" applyBorder="1" applyAlignment="1" applyProtection="1">
      <alignment horizontal="center" vertical="top" wrapText="1"/>
      <protection locked="0"/>
    </xf>
    <xf numFmtId="49" fontId="5" fillId="3" borderId="15" xfId="0" applyNumberFormat="1" applyFont="1" applyFill="1" applyBorder="1" applyAlignment="1" applyProtection="1">
      <alignment horizontal="left" vertical="center" wrapText="1"/>
      <protection locked="0"/>
    </xf>
    <xf numFmtId="49" fontId="5" fillId="3" borderId="16" xfId="0" applyNumberFormat="1" applyFont="1" applyFill="1" applyBorder="1" applyAlignment="1" applyProtection="1">
      <alignment horizontal="left" vertical="center" wrapText="1"/>
      <protection locked="0"/>
    </xf>
    <xf numFmtId="49" fontId="5" fillId="3" borderId="30" xfId="0" applyNumberFormat="1" applyFont="1" applyFill="1" applyBorder="1" applyAlignment="1" applyProtection="1">
      <alignment horizontal="left" vertical="center" wrapText="1"/>
      <protection locked="0"/>
    </xf>
    <xf numFmtId="0" fontId="12" fillId="6" borderId="0" xfId="0" applyFont="1" applyFill="1" applyBorder="1" applyAlignment="1" applyProtection="1">
      <alignment horizontal="center"/>
      <protection locked="0"/>
    </xf>
    <xf numFmtId="0" fontId="7" fillId="0" borderId="0" xfId="5" applyFont="1" applyAlignment="1" applyProtection="1">
      <alignment horizontal="center" vertical="top" wrapText="1"/>
      <protection locked="0"/>
    </xf>
    <xf numFmtId="49" fontId="4" fillId="6" borderId="0" xfId="1"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protection locked="0"/>
    </xf>
    <xf numFmtId="49" fontId="4" fillId="6"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0" fontId="4" fillId="0" borderId="0" xfId="0" applyFont="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cellXfs>
  <cellStyles count="8">
    <cellStyle name="Normálna" xfId="0" builtinId="0"/>
    <cellStyle name="Normálna 2" xfId="2"/>
    <cellStyle name="Normálna 2 2" xfId="7"/>
    <cellStyle name="Normálne 2" xfId="3"/>
    <cellStyle name="normálne 2 2" xfId="1"/>
    <cellStyle name="normálne 2 2 2" xfId="4"/>
    <cellStyle name="Normálne 4" xfId="5"/>
    <cellStyle name="Normální 3" xfId="6"/>
  </cellStyles>
  <dxfs count="5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0</xdr:col>
          <xdr:colOff>885825</xdr:colOff>
          <xdr:row>35</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0</xdr:col>
          <xdr:colOff>885825</xdr:colOff>
          <xdr:row>36</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337"/>
  <sheetViews>
    <sheetView showGridLines="0" tabSelected="1" zoomScaleNormal="100" workbookViewId="0">
      <selection sqref="A1:D1"/>
    </sheetView>
  </sheetViews>
  <sheetFormatPr defaultRowHeight="12.75" x14ac:dyDescent="0.2"/>
  <cols>
    <col min="1" max="1" width="14" style="11" customWidth="1"/>
    <col min="2" max="2" width="72" style="20" customWidth="1"/>
    <col min="3" max="3" width="19.42578125" style="24" customWidth="1"/>
    <col min="4" max="4" width="27.42578125" style="16" customWidth="1"/>
    <col min="5" max="5" width="17.140625" style="11" customWidth="1"/>
    <col min="6" max="6" width="9.140625" style="11"/>
    <col min="7" max="7" width="9.140625" style="11" customWidth="1"/>
    <col min="8" max="16384" width="9.140625" style="11"/>
  </cols>
  <sheetData>
    <row r="1" spans="1:4" ht="24" customHeight="1" x14ac:dyDescent="0.2">
      <c r="A1" s="180" t="s">
        <v>37</v>
      </c>
      <c r="B1" s="180"/>
      <c r="C1" s="180"/>
      <c r="D1" s="180"/>
    </row>
    <row r="2" spans="1:4" ht="27.75" customHeight="1" x14ac:dyDescent="0.2">
      <c r="A2" s="179" t="s">
        <v>35</v>
      </c>
      <c r="B2" s="179"/>
      <c r="C2" s="179"/>
      <c r="D2" s="179"/>
    </row>
    <row r="3" spans="1:4" ht="59.25" customHeight="1" x14ac:dyDescent="0.2">
      <c r="A3" s="173" t="s">
        <v>40</v>
      </c>
      <c r="B3" s="173"/>
      <c r="C3" s="173"/>
      <c r="D3" s="173"/>
    </row>
    <row r="4" spans="1:4" ht="24.95" customHeight="1" x14ac:dyDescent="0.2">
      <c r="A4" s="12" t="s">
        <v>39</v>
      </c>
      <c r="B4" s="13"/>
      <c r="C4" s="14"/>
      <c r="D4" s="14"/>
    </row>
    <row r="5" spans="1:4" ht="24.95" customHeight="1" x14ac:dyDescent="0.2">
      <c r="A5" s="12" t="s">
        <v>38</v>
      </c>
      <c r="B5" s="15"/>
      <c r="C5" s="14"/>
      <c r="D5" s="14"/>
    </row>
    <row r="6" spans="1:4" ht="5.0999999999999996" customHeight="1" x14ac:dyDescent="0.2">
      <c r="A6" s="14"/>
      <c r="B6" s="121"/>
      <c r="C6" s="14"/>
      <c r="D6" s="14"/>
    </row>
    <row r="7" spans="1:4" s="16" customFormat="1" ht="20.100000000000001" customHeight="1" x14ac:dyDescent="0.25">
      <c r="A7" s="157" t="s">
        <v>4</v>
      </c>
      <c r="B7" s="157"/>
      <c r="C7" s="157"/>
      <c r="D7" s="157"/>
    </row>
    <row r="8" spans="1:4" s="16" customFormat="1" ht="20.100000000000001" customHeight="1" x14ac:dyDescent="0.25">
      <c r="A8" s="174" t="s">
        <v>7</v>
      </c>
      <c r="B8" s="174"/>
      <c r="C8" s="174"/>
      <c r="D8" s="174"/>
    </row>
    <row r="9" spans="1:4" ht="29.25" customHeight="1" x14ac:dyDescent="0.2">
      <c r="A9" s="181" t="s">
        <v>229</v>
      </c>
      <c r="B9" s="181"/>
      <c r="C9" s="181"/>
      <c r="D9" s="181"/>
    </row>
    <row r="10" spans="1:4" ht="4.5" customHeight="1" x14ac:dyDescent="0.2">
      <c r="A10" s="17"/>
      <c r="B10" s="17"/>
      <c r="C10" s="17"/>
      <c r="D10" s="17"/>
    </row>
    <row r="11" spans="1:4" s="16" customFormat="1" ht="20.100000000000001" customHeight="1" x14ac:dyDescent="0.25">
      <c r="A11" s="175" t="s">
        <v>8</v>
      </c>
      <c r="B11" s="175"/>
      <c r="C11" s="175"/>
      <c r="D11" s="175"/>
    </row>
    <row r="12" spans="1:4" s="16" customFormat="1" ht="20.100000000000001" customHeight="1" x14ac:dyDescent="0.25">
      <c r="A12" s="176" t="s">
        <v>530</v>
      </c>
      <c r="B12" s="176"/>
      <c r="C12" s="122"/>
      <c r="D12" s="122"/>
    </row>
    <row r="13" spans="1:4" s="16" customFormat="1" ht="20.100000000000001" customHeight="1" x14ac:dyDescent="0.25">
      <c r="A13" s="176" t="s">
        <v>531</v>
      </c>
      <c r="B13" s="182"/>
      <c r="C13" s="122"/>
      <c r="D13" s="122"/>
    </row>
    <row r="14" spans="1:4" s="16" customFormat="1" ht="20.100000000000001" customHeight="1" x14ac:dyDescent="0.25">
      <c r="A14" s="176" t="s">
        <v>54</v>
      </c>
      <c r="B14" s="176"/>
      <c r="C14" s="122"/>
      <c r="D14" s="122"/>
    </row>
    <row r="15" spans="1:4" s="20" customFormat="1" ht="20.100000000000001" customHeight="1" x14ac:dyDescent="0.25">
      <c r="A15" s="176" t="s">
        <v>55</v>
      </c>
      <c r="B15" s="176"/>
      <c r="C15" s="18"/>
      <c r="D15" s="19"/>
    </row>
    <row r="16" spans="1:4" ht="4.5" customHeight="1" x14ac:dyDescent="0.2">
      <c r="A16" s="21"/>
      <c r="B16" s="21"/>
      <c r="C16" s="17"/>
      <c r="D16" s="17"/>
    </row>
    <row r="17" spans="1:4" ht="20.100000000000001" customHeight="1" x14ac:dyDescent="0.2">
      <c r="A17" s="22" t="s">
        <v>9</v>
      </c>
      <c r="B17" s="22"/>
      <c r="C17" s="23"/>
      <c r="D17" s="23"/>
    </row>
    <row r="18" spans="1:4" s="20" customFormat="1" ht="22.5" customHeight="1" x14ac:dyDescent="0.25">
      <c r="A18" s="185" t="s">
        <v>51</v>
      </c>
      <c r="B18" s="185"/>
      <c r="C18" s="18"/>
      <c r="D18" s="19"/>
    </row>
    <row r="19" spans="1:4" ht="5.0999999999999996" customHeight="1" x14ac:dyDescent="0.2">
      <c r="A19" s="184"/>
      <c r="B19" s="184"/>
      <c r="D19" s="25"/>
    </row>
    <row r="20" spans="1:4" s="16" customFormat="1" ht="25.5" customHeight="1" x14ac:dyDescent="0.25">
      <c r="A20" s="157" t="s">
        <v>21</v>
      </c>
      <c r="B20" s="157"/>
      <c r="C20" s="157"/>
      <c r="D20" s="157"/>
    </row>
    <row r="21" spans="1:4" ht="35.25" customHeight="1" x14ac:dyDescent="0.2">
      <c r="A21" s="183" t="s">
        <v>503</v>
      </c>
      <c r="B21" s="183"/>
      <c r="C21" s="183"/>
      <c r="D21" s="183"/>
    </row>
    <row r="22" spans="1:4" ht="5.0999999999999996" customHeight="1" x14ac:dyDescent="0.2">
      <c r="A22" s="184"/>
      <c r="B22" s="184"/>
      <c r="D22" s="25"/>
    </row>
    <row r="23" spans="1:4" s="16" customFormat="1" ht="20.100000000000001" customHeight="1" x14ac:dyDescent="0.25">
      <c r="A23" s="157" t="s">
        <v>22</v>
      </c>
      <c r="B23" s="157"/>
      <c r="C23" s="157"/>
      <c r="D23" s="157"/>
    </row>
    <row r="24" spans="1:4" s="26" customFormat="1" ht="20.100000000000001" customHeight="1" x14ac:dyDescent="0.25">
      <c r="A24" s="186" t="s">
        <v>5</v>
      </c>
      <c r="B24" s="186"/>
      <c r="C24" s="186"/>
      <c r="D24" s="186"/>
    </row>
    <row r="25" spans="1:4" s="26" customFormat="1" ht="20.100000000000001" customHeight="1" x14ac:dyDescent="0.25">
      <c r="A25" s="177" t="s">
        <v>15</v>
      </c>
      <c r="B25" s="178"/>
      <c r="C25" s="120"/>
      <c r="D25" s="120"/>
    </row>
    <row r="26" spans="1:4" s="26" customFormat="1" ht="20.100000000000001" customHeight="1" x14ac:dyDescent="0.25">
      <c r="A26" s="27"/>
      <c r="B26" s="28" t="s">
        <v>19</v>
      </c>
      <c r="C26" s="120"/>
      <c r="D26" s="120"/>
    </row>
    <row r="27" spans="1:4" s="26" customFormat="1" ht="20.100000000000001" customHeight="1" x14ac:dyDescent="0.25">
      <c r="A27" s="27"/>
      <c r="B27" s="28" t="s">
        <v>20</v>
      </c>
      <c r="C27" s="120"/>
      <c r="D27" s="120"/>
    </row>
    <row r="28" spans="1:4" s="26" customFormat="1" ht="20.100000000000001" customHeight="1" x14ac:dyDescent="0.25">
      <c r="A28" s="177" t="s">
        <v>16</v>
      </c>
      <c r="B28" s="178"/>
      <c r="C28" s="120"/>
      <c r="D28" s="120"/>
    </row>
    <row r="29" spans="1:4" s="26" customFormat="1" ht="39.75" customHeight="1" x14ac:dyDescent="0.25">
      <c r="A29" s="29" t="s">
        <v>17</v>
      </c>
      <c r="B29" s="30" t="s">
        <v>11</v>
      </c>
      <c r="C29" s="31" t="s">
        <v>10</v>
      </c>
      <c r="D29" s="31" t="s">
        <v>119</v>
      </c>
    </row>
    <row r="30" spans="1:4" s="36" customFormat="1" ht="39.75" customHeight="1" x14ac:dyDescent="0.25">
      <c r="A30" s="32" t="s">
        <v>1</v>
      </c>
      <c r="B30" s="33" t="s">
        <v>230</v>
      </c>
      <c r="C30" s="34" t="s">
        <v>53</v>
      </c>
      <c r="D30" s="35">
        <v>1</v>
      </c>
    </row>
    <row r="31" spans="1:4" s="36" customFormat="1" ht="39.75" customHeight="1" x14ac:dyDescent="0.25">
      <c r="A31" s="32" t="s">
        <v>221</v>
      </c>
      <c r="B31" s="33" t="s">
        <v>138</v>
      </c>
      <c r="C31" s="34" t="s">
        <v>224</v>
      </c>
      <c r="D31" s="35">
        <v>1</v>
      </c>
    </row>
    <row r="32" spans="1:4" s="36" customFormat="1" ht="39" customHeight="1" x14ac:dyDescent="0.25">
      <c r="A32" s="32" t="s">
        <v>222</v>
      </c>
      <c r="B32" s="33" t="s">
        <v>223</v>
      </c>
      <c r="C32" s="34" t="s">
        <v>224</v>
      </c>
      <c r="D32" s="35">
        <v>1</v>
      </c>
    </row>
    <row r="33" spans="1:5" s="36" customFormat="1" ht="39" customHeight="1" x14ac:dyDescent="0.25">
      <c r="A33" s="32" t="s">
        <v>527</v>
      </c>
      <c r="B33" s="33" t="s">
        <v>528</v>
      </c>
      <c r="C33" s="34" t="s">
        <v>224</v>
      </c>
      <c r="D33" s="35">
        <v>1</v>
      </c>
    </row>
    <row r="34" spans="1:5" s="26" customFormat="1" ht="4.5" customHeight="1" x14ac:dyDescent="0.25">
      <c r="A34" s="120"/>
      <c r="B34" s="37"/>
      <c r="C34" s="120"/>
      <c r="D34" s="120"/>
    </row>
    <row r="35" spans="1:5" s="26" customFormat="1" ht="20.100000000000001" customHeight="1" x14ac:dyDescent="0.25">
      <c r="A35" s="177" t="s">
        <v>18</v>
      </c>
      <c r="B35" s="178"/>
      <c r="C35" s="120"/>
      <c r="D35" s="120"/>
    </row>
    <row r="36" spans="1:5" s="26" customFormat="1" ht="20.100000000000001" customHeight="1" x14ac:dyDescent="0.2">
      <c r="A36" s="38"/>
      <c r="B36" s="39" t="s">
        <v>2</v>
      </c>
      <c r="C36" s="120"/>
      <c r="D36" s="120"/>
    </row>
    <row r="37" spans="1:5" s="26" customFormat="1" ht="20.100000000000001" customHeight="1" x14ac:dyDescent="0.25">
      <c r="A37" s="27"/>
      <c r="B37" s="20" t="s">
        <v>3</v>
      </c>
      <c r="C37" s="120"/>
      <c r="D37" s="120"/>
    </row>
    <row r="38" spans="1:5" ht="5.0999999999999996" customHeight="1" x14ac:dyDescent="0.2"/>
    <row r="39" spans="1:5" s="16" customFormat="1" ht="20.100000000000001" customHeight="1" x14ac:dyDescent="0.25">
      <c r="A39" s="157" t="s">
        <v>23</v>
      </c>
      <c r="B39" s="157"/>
      <c r="C39" s="157"/>
      <c r="D39" s="157"/>
    </row>
    <row r="40" spans="1:5" s="16" customFormat="1" ht="5.0999999999999996" customHeight="1" thickBot="1" x14ac:dyDescent="0.3">
      <c r="A40" s="25"/>
      <c r="B40" s="20"/>
      <c r="C40" s="119"/>
      <c r="D40" s="119"/>
    </row>
    <row r="41" spans="1:5" s="20" customFormat="1" ht="126.75" customHeight="1" x14ac:dyDescent="0.25">
      <c r="A41" s="146" t="s">
        <v>0</v>
      </c>
      <c r="B41" s="147"/>
      <c r="C41" s="159" t="s">
        <v>121</v>
      </c>
      <c r="D41" s="160"/>
      <c r="E41" s="40"/>
    </row>
    <row r="42" spans="1:5" s="20" customFormat="1" ht="26.25" thickBot="1" x14ac:dyDescent="0.3">
      <c r="A42" s="148"/>
      <c r="B42" s="149"/>
      <c r="C42" s="41" t="s">
        <v>120</v>
      </c>
      <c r="D42" s="42" t="s">
        <v>24</v>
      </c>
    </row>
    <row r="43" spans="1:5" s="43" customFormat="1" ht="28.5" customHeight="1" x14ac:dyDescent="0.25">
      <c r="A43" s="167" t="s">
        <v>230</v>
      </c>
      <c r="B43" s="168"/>
      <c r="C43" s="168"/>
      <c r="D43" s="169"/>
    </row>
    <row r="44" spans="1:5" s="16" customFormat="1" ht="30.75" customHeight="1" x14ac:dyDescent="0.25">
      <c r="A44" s="151" t="s">
        <v>61</v>
      </c>
      <c r="B44" s="152"/>
      <c r="C44" s="152"/>
      <c r="D44" s="153"/>
    </row>
    <row r="45" spans="1:5" s="16" customFormat="1" ht="160.5" customHeight="1" x14ac:dyDescent="0.25">
      <c r="A45" s="88" t="s">
        <v>62</v>
      </c>
      <c r="B45" s="76" t="s">
        <v>511</v>
      </c>
      <c r="C45" s="44"/>
      <c r="D45" s="45"/>
    </row>
    <row r="46" spans="1:5" s="16" customFormat="1" ht="65.25" customHeight="1" x14ac:dyDescent="0.25">
      <c r="A46" s="125" t="s">
        <v>63</v>
      </c>
      <c r="B46" s="76" t="s">
        <v>512</v>
      </c>
      <c r="C46" s="44"/>
      <c r="D46" s="46"/>
    </row>
    <row r="47" spans="1:5" s="16" customFormat="1" ht="29.25" customHeight="1" x14ac:dyDescent="0.25">
      <c r="A47" s="125" t="s">
        <v>64</v>
      </c>
      <c r="B47" s="76" t="s">
        <v>513</v>
      </c>
      <c r="C47" s="44"/>
      <c r="D47" s="46"/>
    </row>
    <row r="48" spans="1:5" s="16" customFormat="1" ht="41.25" customHeight="1" x14ac:dyDescent="0.25">
      <c r="A48" s="125" t="s">
        <v>65</v>
      </c>
      <c r="B48" s="76" t="s">
        <v>247</v>
      </c>
      <c r="C48" s="44"/>
      <c r="D48" s="46"/>
    </row>
    <row r="49" spans="1:4" s="16" customFormat="1" ht="29.25" customHeight="1" x14ac:dyDescent="0.25">
      <c r="A49" s="125" t="s">
        <v>66</v>
      </c>
      <c r="B49" s="76" t="s">
        <v>242</v>
      </c>
      <c r="C49" s="44"/>
      <c r="D49" s="46"/>
    </row>
    <row r="50" spans="1:4" s="16" customFormat="1" ht="33" customHeight="1" x14ac:dyDescent="0.25">
      <c r="A50" s="125" t="s">
        <v>67</v>
      </c>
      <c r="B50" s="76" t="s">
        <v>248</v>
      </c>
      <c r="C50" s="44"/>
      <c r="D50" s="46"/>
    </row>
    <row r="51" spans="1:4" s="16" customFormat="1" ht="50.25" customHeight="1" x14ac:dyDescent="0.25">
      <c r="A51" s="88" t="s">
        <v>231</v>
      </c>
      <c r="B51" s="76" t="s">
        <v>243</v>
      </c>
      <c r="C51" s="44"/>
      <c r="D51" s="45"/>
    </row>
    <row r="52" spans="1:4" s="16" customFormat="1" ht="32.25" customHeight="1" x14ac:dyDescent="0.25">
      <c r="A52" s="125" t="s">
        <v>232</v>
      </c>
      <c r="B52" s="76" t="s">
        <v>244</v>
      </c>
      <c r="C52" s="44"/>
      <c r="D52" s="46"/>
    </row>
    <row r="53" spans="1:4" s="16" customFormat="1" ht="33" customHeight="1" x14ac:dyDescent="0.25">
      <c r="A53" s="125" t="s">
        <v>233</v>
      </c>
      <c r="B53" s="76" t="s">
        <v>245</v>
      </c>
      <c r="C53" s="44"/>
      <c r="D53" s="46"/>
    </row>
    <row r="54" spans="1:4" s="16" customFormat="1" ht="24.75" customHeight="1" x14ac:dyDescent="0.25">
      <c r="A54" s="125" t="s">
        <v>234</v>
      </c>
      <c r="B54" s="76" t="s">
        <v>506</v>
      </c>
      <c r="C54" s="44"/>
      <c r="D54" s="46"/>
    </row>
    <row r="55" spans="1:4" s="16" customFormat="1" ht="26.25" customHeight="1" x14ac:dyDescent="0.25">
      <c r="A55" s="125" t="s">
        <v>235</v>
      </c>
      <c r="B55" s="76" t="s">
        <v>246</v>
      </c>
      <c r="C55" s="44"/>
      <c r="D55" s="46"/>
    </row>
    <row r="56" spans="1:4" s="16" customFormat="1" ht="29.25" customHeight="1" x14ac:dyDescent="0.25">
      <c r="A56" s="125" t="s">
        <v>236</v>
      </c>
      <c r="B56" s="76" t="s">
        <v>249</v>
      </c>
      <c r="C56" s="44"/>
      <c r="D56" s="46"/>
    </row>
    <row r="57" spans="1:4" s="16" customFormat="1" ht="34.5" customHeight="1" x14ac:dyDescent="0.25">
      <c r="A57" s="88" t="s">
        <v>237</v>
      </c>
      <c r="B57" s="76" t="s">
        <v>250</v>
      </c>
      <c r="C57" s="44"/>
      <c r="D57" s="46"/>
    </row>
    <row r="58" spans="1:4" s="16" customFormat="1" ht="36.75" customHeight="1" x14ac:dyDescent="0.25">
      <c r="A58" s="125" t="s">
        <v>238</v>
      </c>
      <c r="B58" s="76" t="s">
        <v>251</v>
      </c>
      <c r="C58" s="44"/>
      <c r="D58" s="45"/>
    </row>
    <row r="59" spans="1:4" s="16" customFormat="1" ht="42.75" customHeight="1" x14ac:dyDescent="0.25">
      <c r="A59" s="125" t="s">
        <v>239</v>
      </c>
      <c r="B59" s="76" t="s">
        <v>252</v>
      </c>
      <c r="C59" s="44"/>
      <c r="D59" s="46"/>
    </row>
    <row r="60" spans="1:4" s="16" customFormat="1" ht="29.25" customHeight="1" x14ac:dyDescent="0.25">
      <c r="A60" s="125" t="s">
        <v>240</v>
      </c>
      <c r="B60" s="76" t="s">
        <v>253</v>
      </c>
      <c r="C60" s="44"/>
      <c r="D60" s="46"/>
    </row>
    <row r="61" spans="1:4" s="16" customFormat="1" ht="34.5" customHeight="1" x14ac:dyDescent="0.25">
      <c r="A61" s="125" t="s">
        <v>241</v>
      </c>
      <c r="B61" s="76" t="s">
        <v>507</v>
      </c>
      <c r="C61" s="44"/>
      <c r="D61" s="46"/>
    </row>
    <row r="62" spans="1:4" s="16" customFormat="1" ht="29.25" customHeight="1" x14ac:dyDescent="0.25">
      <c r="A62" s="154" t="s">
        <v>514</v>
      </c>
      <c r="B62" s="155"/>
      <c r="C62" s="155"/>
      <c r="D62" s="156"/>
    </row>
    <row r="63" spans="1:4" s="16" customFormat="1" ht="29.25" customHeight="1" x14ac:dyDescent="0.25">
      <c r="A63" s="125" t="s">
        <v>68</v>
      </c>
      <c r="B63" s="77" t="s">
        <v>256</v>
      </c>
      <c r="C63" s="44"/>
      <c r="D63" s="46"/>
    </row>
    <row r="64" spans="1:4" s="16" customFormat="1" ht="29.25" customHeight="1" x14ac:dyDescent="0.25">
      <c r="A64" s="125" t="s">
        <v>69</v>
      </c>
      <c r="B64" s="78" t="s">
        <v>515</v>
      </c>
      <c r="C64" s="44"/>
      <c r="D64" s="46"/>
    </row>
    <row r="65" spans="1:4" s="16" customFormat="1" ht="33" customHeight="1" x14ac:dyDescent="0.25">
      <c r="A65" s="125" t="s">
        <v>70</v>
      </c>
      <c r="B65" s="77" t="s">
        <v>259</v>
      </c>
      <c r="C65" s="44"/>
      <c r="D65" s="46"/>
    </row>
    <row r="66" spans="1:4" s="16" customFormat="1" ht="29.25" customHeight="1" x14ac:dyDescent="0.25">
      <c r="A66" s="125" t="s">
        <v>71</v>
      </c>
      <c r="B66" s="79" t="s">
        <v>257</v>
      </c>
      <c r="C66" s="44"/>
      <c r="D66" s="46"/>
    </row>
    <row r="67" spans="1:4" s="16" customFormat="1" ht="29.25" customHeight="1" x14ac:dyDescent="0.25">
      <c r="A67" s="125" t="s">
        <v>254</v>
      </c>
      <c r="B67" s="79" t="s">
        <v>260</v>
      </c>
      <c r="C67" s="44"/>
      <c r="D67" s="46"/>
    </row>
    <row r="68" spans="1:4" s="16" customFormat="1" ht="29.25" customHeight="1" x14ac:dyDescent="0.25">
      <c r="A68" s="125" t="s">
        <v>255</v>
      </c>
      <c r="B68" s="79" t="s">
        <v>258</v>
      </c>
      <c r="C68" s="44"/>
      <c r="D68" s="46"/>
    </row>
    <row r="69" spans="1:4" s="16" customFormat="1" ht="29.25" customHeight="1" x14ac:dyDescent="0.25">
      <c r="A69" s="133" t="s">
        <v>367</v>
      </c>
      <c r="B69" s="134"/>
      <c r="C69" s="134"/>
      <c r="D69" s="135"/>
    </row>
    <row r="70" spans="1:4" s="16" customFormat="1" ht="29.25" customHeight="1" x14ac:dyDescent="0.25">
      <c r="A70" s="125" t="s">
        <v>72</v>
      </c>
      <c r="B70" s="79" t="s">
        <v>261</v>
      </c>
      <c r="C70" s="44"/>
      <c r="D70" s="46"/>
    </row>
    <row r="71" spans="1:4" s="16" customFormat="1" ht="28.5" customHeight="1" x14ac:dyDescent="0.25">
      <c r="A71" s="125" t="s">
        <v>73</v>
      </c>
      <c r="B71" s="79" t="s">
        <v>262</v>
      </c>
      <c r="C71" s="44"/>
      <c r="D71" s="46"/>
    </row>
    <row r="72" spans="1:4" s="16" customFormat="1" ht="29.25" customHeight="1" x14ac:dyDescent="0.25">
      <c r="A72" s="125" t="s">
        <v>74</v>
      </c>
      <c r="B72" s="79" t="s">
        <v>505</v>
      </c>
      <c r="C72" s="44"/>
      <c r="D72" s="46"/>
    </row>
    <row r="73" spans="1:4" s="16" customFormat="1" ht="29.25" customHeight="1" x14ac:dyDescent="0.25">
      <c r="A73" s="125" t="s">
        <v>75</v>
      </c>
      <c r="B73" s="79" t="s">
        <v>263</v>
      </c>
      <c r="C73" s="44"/>
      <c r="D73" s="46"/>
    </row>
    <row r="74" spans="1:4" s="16" customFormat="1" ht="38.25" customHeight="1" x14ac:dyDescent="0.25">
      <c r="A74" s="125" t="s">
        <v>76</v>
      </c>
      <c r="B74" s="79" t="s">
        <v>508</v>
      </c>
      <c r="C74" s="44"/>
      <c r="D74" s="46"/>
    </row>
    <row r="75" spans="1:4" s="16" customFormat="1" ht="29.25" customHeight="1" x14ac:dyDescent="0.25">
      <c r="A75" s="125" t="s">
        <v>77</v>
      </c>
      <c r="B75" s="79" t="s">
        <v>264</v>
      </c>
      <c r="C75" s="44"/>
      <c r="D75" s="46"/>
    </row>
    <row r="76" spans="1:4" s="16" customFormat="1" ht="29.25" customHeight="1" x14ac:dyDescent="0.25">
      <c r="A76" s="133" t="s">
        <v>368</v>
      </c>
      <c r="B76" s="134"/>
      <c r="C76" s="134"/>
      <c r="D76" s="135"/>
    </row>
    <row r="77" spans="1:4" s="16" customFormat="1" ht="29.25" customHeight="1" x14ac:dyDescent="0.25">
      <c r="A77" s="125" t="s">
        <v>78</v>
      </c>
      <c r="B77" s="79" t="s">
        <v>274</v>
      </c>
      <c r="C77" s="44"/>
      <c r="D77" s="46"/>
    </row>
    <row r="78" spans="1:4" s="16" customFormat="1" ht="29.25" customHeight="1" x14ac:dyDescent="0.25">
      <c r="A78" s="125" t="s">
        <v>79</v>
      </c>
      <c r="B78" s="79" t="s">
        <v>275</v>
      </c>
      <c r="C78" s="44"/>
      <c r="D78" s="46"/>
    </row>
    <row r="79" spans="1:4" s="16" customFormat="1" ht="29.25" customHeight="1" x14ac:dyDescent="0.25">
      <c r="A79" s="125" t="s">
        <v>265</v>
      </c>
      <c r="B79" s="79" t="s">
        <v>276</v>
      </c>
      <c r="C79" s="44"/>
      <c r="D79" s="46"/>
    </row>
    <row r="80" spans="1:4" s="16" customFormat="1" ht="29.25" customHeight="1" x14ac:dyDescent="0.25">
      <c r="A80" s="125" t="s">
        <v>266</v>
      </c>
      <c r="B80" s="79" t="s">
        <v>277</v>
      </c>
      <c r="C80" s="44"/>
      <c r="D80" s="46"/>
    </row>
    <row r="81" spans="1:4" s="16" customFormat="1" ht="29.25" customHeight="1" x14ac:dyDescent="0.25">
      <c r="A81" s="125" t="s">
        <v>267</v>
      </c>
      <c r="B81" s="79" t="s">
        <v>278</v>
      </c>
      <c r="C81" s="44"/>
      <c r="D81" s="46"/>
    </row>
    <row r="82" spans="1:4" s="16" customFormat="1" ht="29.25" customHeight="1" x14ac:dyDescent="0.25">
      <c r="A82" s="125" t="s">
        <v>268</v>
      </c>
      <c r="B82" s="79" t="s">
        <v>279</v>
      </c>
      <c r="C82" s="44"/>
      <c r="D82" s="46"/>
    </row>
    <row r="83" spans="1:4" s="16" customFormat="1" ht="29.25" customHeight="1" x14ac:dyDescent="0.25">
      <c r="A83" s="125" t="s">
        <v>269</v>
      </c>
      <c r="B83" s="79" t="s">
        <v>280</v>
      </c>
      <c r="C83" s="44"/>
      <c r="D83" s="46"/>
    </row>
    <row r="84" spans="1:4" s="16" customFormat="1" ht="29.25" customHeight="1" x14ac:dyDescent="0.25">
      <c r="A84" s="125" t="s">
        <v>270</v>
      </c>
      <c r="B84" s="79" t="s">
        <v>281</v>
      </c>
      <c r="C84" s="44"/>
      <c r="D84" s="46"/>
    </row>
    <row r="85" spans="1:4" s="16" customFormat="1" ht="29.25" customHeight="1" x14ac:dyDescent="0.25">
      <c r="A85" s="125" t="s">
        <v>271</v>
      </c>
      <c r="B85" s="79" t="s">
        <v>282</v>
      </c>
      <c r="C85" s="44"/>
      <c r="D85" s="46"/>
    </row>
    <row r="86" spans="1:4" s="16" customFormat="1" ht="29.25" customHeight="1" x14ac:dyDescent="0.25">
      <c r="A86" s="125" t="s">
        <v>272</v>
      </c>
      <c r="B86" s="79" t="s">
        <v>283</v>
      </c>
      <c r="C86" s="44"/>
      <c r="D86" s="46"/>
    </row>
    <row r="87" spans="1:4" s="16" customFormat="1" ht="29.25" customHeight="1" x14ac:dyDescent="0.25">
      <c r="A87" s="125" t="s">
        <v>273</v>
      </c>
      <c r="B87" s="79" t="s">
        <v>284</v>
      </c>
      <c r="C87" s="44"/>
      <c r="D87" s="46"/>
    </row>
    <row r="88" spans="1:4" s="16" customFormat="1" ht="29.25" customHeight="1" x14ac:dyDescent="0.25">
      <c r="A88" s="133" t="s">
        <v>369</v>
      </c>
      <c r="B88" s="134"/>
      <c r="C88" s="134"/>
      <c r="D88" s="135"/>
    </row>
    <row r="89" spans="1:4" s="16" customFormat="1" ht="54.75" customHeight="1" x14ac:dyDescent="0.25">
      <c r="A89" s="125" t="s">
        <v>80</v>
      </c>
      <c r="B89" s="79" t="s">
        <v>286</v>
      </c>
      <c r="C89" s="44"/>
      <c r="D89" s="46"/>
    </row>
    <row r="90" spans="1:4" s="16" customFormat="1" ht="85.5" customHeight="1" x14ac:dyDescent="0.25">
      <c r="A90" s="125" t="s">
        <v>81</v>
      </c>
      <c r="B90" s="79" t="s">
        <v>364</v>
      </c>
      <c r="C90" s="44"/>
      <c r="D90" s="46"/>
    </row>
    <row r="91" spans="1:4" s="16" customFormat="1" ht="28.5" customHeight="1" x14ac:dyDescent="0.25">
      <c r="A91" s="125" t="s">
        <v>82</v>
      </c>
      <c r="B91" s="79" t="s">
        <v>287</v>
      </c>
      <c r="C91" s="44"/>
      <c r="D91" s="46"/>
    </row>
    <row r="92" spans="1:4" s="16" customFormat="1" ht="54.75" customHeight="1" x14ac:dyDescent="0.25">
      <c r="A92" s="125" t="s">
        <v>83</v>
      </c>
      <c r="B92" s="79" t="s">
        <v>288</v>
      </c>
      <c r="C92" s="44"/>
      <c r="D92" s="46"/>
    </row>
    <row r="93" spans="1:4" s="16" customFormat="1" ht="51.75" customHeight="1" x14ac:dyDescent="0.25">
      <c r="A93" s="125" t="s">
        <v>84</v>
      </c>
      <c r="B93" s="79" t="s">
        <v>365</v>
      </c>
      <c r="C93" s="44"/>
      <c r="D93" s="46"/>
    </row>
    <row r="94" spans="1:4" s="16" customFormat="1" ht="29.25" customHeight="1" x14ac:dyDescent="0.25">
      <c r="A94" s="125" t="s">
        <v>85</v>
      </c>
      <c r="B94" s="79" t="s">
        <v>285</v>
      </c>
      <c r="C94" s="44"/>
      <c r="D94" s="46"/>
    </row>
    <row r="95" spans="1:4" s="16" customFormat="1" ht="62.25" customHeight="1" x14ac:dyDescent="0.25">
      <c r="A95" s="125" t="s">
        <v>86</v>
      </c>
      <c r="B95" s="79" t="s">
        <v>366</v>
      </c>
      <c r="C95" s="44"/>
      <c r="D95" s="46"/>
    </row>
    <row r="96" spans="1:4" s="16" customFormat="1" ht="27.75" customHeight="1" x14ac:dyDescent="0.25">
      <c r="A96" s="133" t="s">
        <v>370</v>
      </c>
      <c r="B96" s="134"/>
      <c r="C96" s="134"/>
      <c r="D96" s="135"/>
    </row>
    <row r="97" spans="1:4" s="16" customFormat="1" ht="29.25" customHeight="1" x14ac:dyDescent="0.25">
      <c r="A97" s="125" t="s">
        <v>87</v>
      </c>
      <c r="B97" s="79" t="s">
        <v>292</v>
      </c>
      <c r="C97" s="44"/>
      <c r="D97" s="46"/>
    </row>
    <row r="98" spans="1:4" s="16" customFormat="1" ht="29.25" customHeight="1" x14ac:dyDescent="0.25">
      <c r="A98" s="125" t="s">
        <v>88</v>
      </c>
      <c r="B98" s="79" t="s">
        <v>293</v>
      </c>
      <c r="C98" s="44"/>
      <c r="D98" s="46"/>
    </row>
    <row r="99" spans="1:4" s="16" customFormat="1" ht="29.25" customHeight="1" x14ac:dyDescent="0.25">
      <c r="A99" s="125" t="s">
        <v>89</v>
      </c>
      <c r="B99" s="79" t="s">
        <v>294</v>
      </c>
      <c r="C99" s="44"/>
      <c r="D99" s="46"/>
    </row>
    <row r="100" spans="1:4" s="16" customFormat="1" ht="29.25" customHeight="1" x14ac:dyDescent="0.25">
      <c r="A100" s="125" t="s">
        <v>90</v>
      </c>
      <c r="B100" s="79" t="s">
        <v>295</v>
      </c>
      <c r="C100" s="44"/>
      <c r="D100" s="46"/>
    </row>
    <row r="101" spans="1:4" s="16" customFormat="1" ht="29.25" customHeight="1" x14ac:dyDescent="0.25">
      <c r="A101" s="125" t="s">
        <v>91</v>
      </c>
      <c r="B101" s="79" t="s">
        <v>296</v>
      </c>
      <c r="C101" s="44"/>
      <c r="D101" s="46"/>
    </row>
    <row r="102" spans="1:4" s="16" customFormat="1" ht="33" customHeight="1" x14ac:dyDescent="0.25">
      <c r="A102" s="125" t="s">
        <v>92</v>
      </c>
      <c r="B102" s="79" t="s">
        <v>297</v>
      </c>
      <c r="C102" s="44"/>
      <c r="D102" s="46"/>
    </row>
    <row r="103" spans="1:4" s="16" customFormat="1" ht="29.25" customHeight="1" x14ac:dyDescent="0.25">
      <c r="A103" s="125" t="s">
        <v>93</v>
      </c>
      <c r="B103" s="79" t="s">
        <v>298</v>
      </c>
      <c r="C103" s="44"/>
      <c r="D103" s="46"/>
    </row>
    <row r="104" spans="1:4" s="16" customFormat="1" ht="29.25" customHeight="1" x14ac:dyDescent="0.25">
      <c r="A104" s="125" t="s">
        <v>289</v>
      </c>
      <c r="B104" s="79" t="s">
        <v>306</v>
      </c>
      <c r="C104" s="44"/>
      <c r="D104" s="46"/>
    </row>
    <row r="105" spans="1:4" s="16" customFormat="1" ht="29.25" customHeight="1" x14ac:dyDescent="0.25">
      <c r="A105" s="125" t="s">
        <v>290</v>
      </c>
      <c r="B105" s="79" t="s">
        <v>307</v>
      </c>
      <c r="C105" s="44"/>
      <c r="D105" s="46"/>
    </row>
    <row r="106" spans="1:4" s="16" customFormat="1" ht="29.25" customHeight="1" x14ac:dyDescent="0.25">
      <c r="A106" s="125" t="s">
        <v>291</v>
      </c>
      <c r="B106" s="79" t="s">
        <v>299</v>
      </c>
      <c r="C106" s="44"/>
      <c r="D106" s="46"/>
    </row>
    <row r="107" spans="1:4" s="16" customFormat="1" ht="29.25" customHeight="1" x14ac:dyDescent="0.25">
      <c r="A107" s="133" t="s">
        <v>371</v>
      </c>
      <c r="B107" s="134"/>
      <c r="C107" s="134"/>
      <c r="D107" s="135"/>
    </row>
    <row r="108" spans="1:4" s="16" customFormat="1" ht="54.75" customHeight="1" x14ac:dyDescent="0.25">
      <c r="A108" s="126" t="s">
        <v>94</v>
      </c>
      <c r="B108" s="79" t="s">
        <v>363</v>
      </c>
      <c r="C108" s="44"/>
      <c r="D108" s="46"/>
    </row>
    <row r="109" spans="1:4" s="16" customFormat="1" ht="27" customHeight="1" x14ac:dyDescent="0.25">
      <c r="A109" s="126" t="s">
        <v>300</v>
      </c>
      <c r="B109" s="79" t="s">
        <v>362</v>
      </c>
      <c r="C109" s="44"/>
      <c r="D109" s="46"/>
    </row>
    <row r="110" spans="1:4" s="16" customFormat="1" ht="36" customHeight="1" x14ac:dyDescent="0.25">
      <c r="A110" s="126" t="s">
        <v>301</v>
      </c>
      <c r="B110" s="79" t="s">
        <v>516</v>
      </c>
      <c r="C110" s="44"/>
      <c r="D110" s="46"/>
    </row>
    <row r="111" spans="1:4" s="16" customFormat="1" ht="34.5" customHeight="1" x14ac:dyDescent="0.25">
      <c r="A111" s="126" t="s">
        <v>302</v>
      </c>
      <c r="B111" s="79" t="s">
        <v>309</v>
      </c>
      <c r="C111" s="44"/>
      <c r="D111" s="46"/>
    </row>
    <row r="112" spans="1:4" s="16" customFormat="1" ht="30.75" customHeight="1" x14ac:dyDescent="0.25">
      <c r="A112" s="126" t="s">
        <v>303</v>
      </c>
      <c r="B112" s="79" t="s">
        <v>308</v>
      </c>
      <c r="C112" s="44"/>
      <c r="D112" s="46"/>
    </row>
    <row r="113" spans="1:4" s="16" customFormat="1" ht="51.75" customHeight="1" x14ac:dyDescent="0.25">
      <c r="A113" s="126" t="s">
        <v>304</v>
      </c>
      <c r="B113" s="79" t="s">
        <v>305</v>
      </c>
      <c r="C113" s="44"/>
      <c r="D113" s="46"/>
    </row>
    <row r="114" spans="1:4" s="16" customFormat="1" ht="30" customHeight="1" x14ac:dyDescent="0.25">
      <c r="A114" s="133" t="s">
        <v>372</v>
      </c>
      <c r="B114" s="134"/>
      <c r="C114" s="134"/>
      <c r="D114" s="135"/>
    </row>
    <row r="115" spans="1:4" s="16" customFormat="1" ht="79.5" customHeight="1" x14ac:dyDescent="0.25">
      <c r="A115" s="126" t="s">
        <v>95</v>
      </c>
      <c r="B115" s="79" t="s">
        <v>517</v>
      </c>
      <c r="C115" s="44"/>
      <c r="D115" s="46"/>
    </row>
    <row r="116" spans="1:4" s="16" customFormat="1" ht="29.25" customHeight="1" x14ac:dyDescent="0.25">
      <c r="A116" s="133" t="s">
        <v>373</v>
      </c>
      <c r="B116" s="134"/>
      <c r="C116" s="134"/>
      <c r="D116" s="135"/>
    </row>
    <row r="117" spans="1:4" s="16" customFormat="1" ht="38.25" customHeight="1" x14ac:dyDescent="0.25">
      <c r="A117" s="126" t="s">
        <v>96</v>
      </c>
      <c r="B117" s="79" t="s">
        <v>332</v>
      </c>
      <c r="C117" s="44"/>
      <c r="D117" s="46"/>
    </row>
    <row r="118" spans="1:4" s="16" customFormat="1" ht="29.25" customHeight="1" x14ac:dyDescent="0.25">
      <c r="A118" s="126" t="s">
        <v>97</v>
      </c>
      <c r="B118" s="79" t="s">
        <v>322</v>
      </c>
      <c r="C118" s="44"/>
      <c r="D118" s="46"/>
    </row>
    <row r="119" spans="1:4" s="16" customFormat="1" ht="32.25" customHeight="1" x14ac:dyDescent="0.25">
      <c r="A119" s="126" t="s">
        <v>98</v>
      </c>
      <c r="B119" s="79" t="s">
        <v>323</v>
      </c>
      <c r="C119" s="44"/>
      <c r="D119" s="46"/>
    </row>
    <row r="120" spans="1:4" s="16" customFormat="1" ht="29.25" customHeight="1" x14ac:dyDescent="0.25">
      <c r="A120" s="126" t="s">
        <v>99</v>
      </c>
      <c r="B120" s="79" t="s">
        <v>324</v>
      </c>
      <c r="C120" s="44"/>
      <c r="D120" s="46"/>
    </row>
    <row r="121" spans="1:4" s="16" customFormat="1" ht="36" customHeight="1" x14ac:dyDescent="0.25">
      <c r="A121" s="126" t="s">
        <v>117</v>
      </c>
      <c r="B121" s="79" t="s">
        <v>325</v>
      </c>
      <c r="C121" s="44"/>
      <c r="D121" s="46"/>
    </row>
    <row r="122" spans="1:4" s="16" customFormat="1" ht="33.75" customHeight="1" x14ac:dyDescent="0.25">
      <c r="A122" s="126" t="s">
        <v>310</v>
      </c>
      <c r="B122" s="79" t="s">
        <v>330</v>
      </c>
      <c r="C122" s="44"/>
      <c r="D122" s="46"/>
    </row>
    <row r="123" spans="1:4" s="16" customFormat="1" ht="29.25" customHeight="1" x14ac:dyDescent="0.25">
      <c r="A123" s="126" t="s">
        <v>311</v>
      </c>
      <c r="B123" s="79" t="s">
        <v>333</v>
      </c>
      <c r="C123" s="44"/>
      <c r="D123" s="46"/>
    </row>
    <row r="124" spans="1:4" s="16" customFormat="1" ht="28.5" customHeight="1" x14ac:dyDescent="0.25">
      <c r="A124" s="126" t="s">
        <v>312</v>
      </c>
      <c r="B124" s="79" t="s">
        <v>331</v>
      </c>
      <c r="C124" s="44"/>
      <c r="D124" s="46"/>
    </row>
    <row r="125" spans="1:4" s="16" customFormat="1" ht="33.75" customHeight="1" x14ac:dyDescent="0.25">
      <c r="A125" s="126" t="s">
        <v>313</v>
      </c>
      <c r="B125" s="79" t="s">
        <v>326</v>
      </c>
      <c r="C125" s="44"/>
      <c r="D125" s="46"/>
    </row>
    <row r="126" spans="1:4" s="16" customFormat="1" ht="30.75" customHeight="1" x14ac:dyDescent="0.25">
      <c r="A126" s="126" t="s">
        <v>314</v>
      </c>
      <c r="B126" s="79" t="s">
        <v>334</v>
      </c>
      <c r="C126" s="44"/>
      <c r="D126" s="46"/>
    </row>
    <row r="127" spans="1:4" s="16" customFormat="1" ht="33.75" customHeight="1" x14ac:dyDescent="0.25">
      <c r="A127" s="126" t="s">
        <v>315</v>
      </c>
      <c r="B127" s="79" t="s">
        <v>335</v>
      </c>
      <c r="C127" s="44"/>
      <c r="D127" s="46"/>
    </row>
    <row r="128" spans="1:4" s="16" customFormat="1" ht="30" customHeight="1" x14ac:dyDescent="0.25">
      <c r="A128" s="126" t="s">
        <v>316</v>
      </c>
      <c r="B128" s="79" t="s">
        <v>327</v>
      </c>
      <c r="C128" s="44"/>
      <c r="D128" s="46"/>
    </row>
    <row r="129" spans="1:4" s="16" customFormat="1" ht="31.5" customHeight="1" x14ac:dyDescent="0.25">
      <c r="A129" s="126" t="s">
        <v>317</v>
      </c>
      <c r="B129" s="79" t="s">
        <v>328</v>
      </c>
      <c r="C129" s="44"/>
      <c r="D129" s="46"/>
    </row>
    <row r="130" spans="1:4" s="16" customFormat="1" ht="29.25" customHeight="1" x14ac:dyDescent="0.25">
      <c r="A130" s="126" t="s">
        <v>318</v>
      </c>
      <c r="B130" s="79" t="s">
        <v>329</v>
      </c>
      <c r="C130" s="44"/>
      <c r="D130" s="46"/>
    </row>
    <row r="131" spans="1:4" s="16" customFormat="1" ht="29.25" customHeight="1" x14ac:dyDescent="0.25">
      <c r="A131" s="126" t="s">
        <v>319</v>
      </c>
      <c r="B131" s="79" t="s">
        <v>336</v>
      </c>
      <c r="C131" s="44"/>
      <c r="D131" s="46"/>
    </row>
    <row r="132" spans="1:4" s="16" customFormat="1" ht="22.5" customHeight="1" x14ac:dyDescent="0.25">
      <c r="A132" s="126" t="s">
        <v>320</v>
      </c>
      <c r="B132" s="79" t="s">
        <v>337</v>
      </c>
      <c r="C132" s="44"/>
      <c r="D132" s="46"/>
    </row>
    <row r="133" spans="1:4" s="16" customFormat="1" ht="39" customHeight="1" x14ac:dyDescent="0.25">
      <c r="A133" s="126" t="s">
        <v>321</v>
      </c>
      <c r="B133" s="79" t="s">
        <v>338</v>
      </c>
      <c r="C133" s="44"/>
      <c r="D133" s="46"/>
    </row>
    <row r="134" spans="1:4" s="16" customFormat="1" ht="36" customHeight="1" x14ac:dyDescent="0.25">
      <c r="A134" s="133" t="s">
        <v>374</v>
      </c>
      <c r="B134" s="134"/>
      <c r="C134" s="134"/>
      <c r="D134" s="135"/>
    </row>
    <row r="135" spans="1:4" s="16" customFormat="1" ht="37.5" customHeight="1" x14ac:dyDescent="0.25">
      <c r="A135" s="126" t="s">
        <v>100</v>
      </c>
      <c r="B135" s="79" t="s">
        <v>347</v>
      </c>
      <c r="C135" s="44"/>
      <c r="D135" s="46"/>
    </row>
    <row r="136" spans="1:4" s="16" customFormat="1" ht="29.25" customHeight="1" x14ac:dyDescent="0.25">
      <c r="A136" s="126" t="s">
        <v>101</v>
      </c>
      <c r="B136" s="79" t="s">
        <v>348</v>
      </c>
      <c r="C136" s="44"/>
      <c r="D136" s="46"/>
    </row>
    <row r="137" spans="1:4" s="16" customFormat="1" ht="29.25" customHeight="1" x14ac:dyDescent="0.25">
      <c r="A137" s="126" t="s">
        <v>102</v>
      </c>
      <c r="B137" s="79" t="s">
        <v>345</v>
      </c>
      <c r="C137" s="44"/>
      <c r="D137" s="46"/>
    </row>
    <row r="138" spans="1:4" s="16" customFormat="1" ht="29.25" customHeight="1" x14ac:dyDescent="0.25">
      <c r="A138" s="126" t="s">
        <v>339</v>
      </c>
      <c r="B138" s="79" t="s">
        <v>349</v>
      </c>
      <c r="C138" s="44"/>
      <c r="D138" s="46"/>
    </row>
    <row r="139" spans="1:4" s="16" customFormat="1" ht="66.75" customHeight="1" x14ac:dyDescent="0.25">
      <c r="A139" s="126" t="s">
        <v>340</v>
      </c>
      <c r="B139" s="79" t="s">
        <v>518</v>
      </c>
      <c r="C139" s="44"/>
      <c r="D139" s="46"/>
    </row>
    <row r="140" spans="1:4" s="16" customFormat="1" ht="29.25" customHeight="1" x14ac:dyDescent="0.25">
      <c r="A140" s="126" t="s">
        <v>341</v>
      </c>
      <c r="B140" s="79" t="s">
        <v>350</v>
      </c>
      <c r="C140" s="44"/>
      <c r="D140" s="46"/>
    </row>
    <row r="141" spans="1:4" s="16" customFormat="1" ht="29.25" customHeight="1" x14ac:dyDescent="0.25">
      <c r="A141" s="126" t="s">
        <v>342</v>
      </c>
      <c r="B141" s="79" t="s">
        <v>351</v>
      </c>
      <c r="C141" s="44"/>
      <c r="D141" s="46"/>
    </row>
    <row r="142" spans="1:4" s="16" customFormat="1" ht="41.25" customHeight="1" x14ac:dyDescent="0.25">
      <c r="A142" s="126" t="s">
        <v>343</v>
      </c>
      <c r="B142" s="79" t="s">
        <v>346</v>
      </c>
      <c r="C142" s="44"/>
      <c r="D142" s="46"/>
    </row>
    <row r="143" spans="1:4" s="16" customFormat="1" ht="45.75" customHeight="1" x14ac:dyDescent="0.25">
      <c r="A143" s="126" t="s">
        <v>344</v>
      </c>
      <c r="B143" s="79" t="s">
        <v>361</v>
      </c>
      <c r="C143" s="44"/>
      <c r="D143" s="46"/>
    </row>
    <row r="144" spans="1:4" s="16" customFormat="1" ht="29.25" customHeight="1" x14ac:dyDescent="0.25">
      <c r="A144" s="136" t="s">
        <v>375</v>
      </c>
      <c r="B144" s="137"/>
      <c r="C144" s="137"/>
      <c r="D144" s="138"/>
    </row>
    <row r="145" spans="1:4" s="16" customFormat="1" ht="33.75" customHeight="1" x14ac:dyDescent="0.25">
      <c r="A145" s="126" t="s">
        <v>103</v>
      </c>
      <c r="B145" s="79" t="s">
        <v>360</v>
      </c>
      <c r="C145" s="44"/>
      <c r="D145" s="46"/>
    </row>
    <row r="146" spans="1:4" s="16" customFormat="1" ht="33" customHeight="1" x14ac:dyDescent="0.25">
      <c r="A146" s="126" t="s">
        <v>104</v>
      </c>
      <c r="B146" s="79" t="s">
        <v>352</v>
      </c>
      <c r="C146" s="44"/>
      <c r="D146" s="46"/>
    </row>
    <row r="147" spans="1:4" s="16" customFormat="1" ht="29.25" customHeight="1" x14ac:dyDescent="0.25">
      <c r="A147" s="126" t="s">
        <v>105</v>
      </c>
      <c r="B147" s="79" t="s">
        <v>353</v>
      </c>
      <c r="C147" s="44"/>
      <c r="D147" s="46"/>
    </row>
    <row r="148" spans="1:4" s="16" customFormat="1" ht="30.75" customHeight="1" x14ac:dyDescent="0.25">
      <c r="A148" s="126" t="s">
        <v>106</v>
      </c>
      <c r="B148" s="79" t="s">
        <v>354</v>
      </c>
      <c r="C148" s="44"/>
      <c r="D148" s="46"/>
    </row>
    <row r="149" spans="1:4" s="16" customFormat="1" ht="29.25" customHeight="1" x14ac:dyDescent="0.25">
      <c r="A149" s="126" t="s">
        <v>107</v>
      </c>
      <c r="B149" s="79" t="s">
        <v>355</v>
      </c>
      <c r="C149" s="44"/>
      <c r="D149" s="46"/>
    </row>
    <row r="150" spans="1:4" s="16" customFormat="1" ht="29.25" customHeight="1" x14ac:dyDescent="0.25">
      <c r="A150" s="126" t="s">
        <v>108</v>
      </c>
      <c r="B150" s="79" t="s">
        <v>359</v>
      </c>
      <c r="C150" s="44"/>
      <c r="D150" s="46"/>
    </row>
    <row r="151" spans="1:4" s="16" customFormat="1" ht="29.25" customHeight="1" x14ac:dyDescent="0.25">
      <c r="A151" s="126" t="s">
        <v>109</v>
      </c>
      <c r="B151" s="79" t="s">
        <v>356</v>
      </c>
      <c r="C151" s="44"/>
      <c r="D151" s="46"/>
    </row>
    <row r="152" spans="1:4" s="16" customFormat="1" ht="39.75" customHeight="1" x14ac:dyDescent="0.25">
      <c r="A152" s="126" t="s">
        <v>110</v>
      </c>
      <c r="B152" s="79" t="s">
        <v>357</v>
      </c>
      <c r="C152" s="44"/>
      <c r="D152" s="46"/>
    </row>
    <row r="153" spans="1:4" s="16" customFormat="1" ht="53.25" customHeight="1" x14ac:dyDescent="0.25">
      <c r="A153" s="125" t="s">
        <v>111</v>
      </c>
      <c r="B153" s="79" t="s">
        <v>358</v>
      </c>
      <c r="C153" s="44"/>
      <c r="D153" s="46"/>
    </row>
    <row r="154" spans="1:4" s="16" customFormat="1" ht="29.25" customHeight="1" x14ac:dyDescent="0.25">
      <c r="A154" s="133" t="s">
        <v>376</v>
      </c>
      <c r="B154" s="134"/>
      <c r="C154" s="134"/>
      <c r="D154" s="135"/>
    </row>
    <row r="155" spans="1:4" s="16" customFormat="1" ht="39" customHeight="1" x14ac:dyDescent="0.25">
      <c r="A155" s="88" t="s">
        <v>112</v>
      </c>
      <c r="B155" s="79" t="s">
        <v>390</v>
      </c>
      <c r="C155" s="44"/>
      <c r="D155" s="46"/>
    </row>
    <row r="156" spans="1:4" s="16" customFormat="1" ht="85.5" customHeight="1" x14ac:dyDescent="0.25">
      <c r="A156" s="88" t="s">
        <v>122</v>
      </c>
      <c r="B156" s="79" t="s">
        <v>504</v>
      </c>
      <c r="C156" s="44"/>
      <c r="D156" s="46"/>
    </row>
    <row r="157" spans="1:4" s="16" customFormat="1" ht="54" customHeight="1" x14ac:dyDescent="0.25">
      <c r="A157" s="88" t="s">
        <v>123</v>
      </c>
      <c r="B157" s="79" t="s">
        <v>519</v>
      </c>
      <c r="C157" s="44"/>
      <c r="D157" s="46"/>
    </row>
    <row r="158" spans="1:4" s="16" customFormat="1" ht="29.25" customHeight="1" x14ac:dyDescent="0.25">
      <c r="A158" s="88" t="s">
        <v>124</v>
      </c>
      <c r="B158" s="79" t="s">
        <v>397</v>
      </c>
      <c r="C158" s="44"/>
      <c r="D158" s="46"/>
    </row>
    <row r="159" spans="1:4" s="16" customFormat="1" ht="29.25" customHeight="1" x14ac:dyDescent="0.25">
      <c r="A159" s="88" t="s">
        <v>125</v>
      </c>
      <c r="B159" s="79" t="s">
        <v>389</v>
      </c>
      <c r="C159" s="44"/>
      <c r="D159" s="46"/>
    </row>
    <row r="160" spans="1:4" s="16" customFormat="1" ht="29.25" customHeight="1" x14ac:dyDescent="0.25">
      <c r="A160" s="88" t="s">
        <v>126</v>
      </c>
      <c r="B160" s="79" t="s">
        <v>386</v>
      </c>
      <c r="C160" s="44"/>
      <c r="D160" s="46"/>
    </row>
    <row r="161" spans="1:4" s="16" customFormat="1" ht="77.25" customHeight="1" x14ac:dyDescent="0.25">
      <c r="A161" s="88" t="s">
        <v>377</v>
      </c>
      <c r="B161" s="79" t="s">
        <v>520</v>
      </c>
      <c r="C161" s="44"/>
      <c r="D161" s="46"/>
    </row>
    <row r="162" spans="1:4" s="16" customFormat="1" ht="29.25" customHeight="1" x14ac:dyDescent="0.25">
      <c r="A162" s="88" t="s">
        <v>378</v>
      </c>
      <c r="B162" s="79" t="s">
        <v>391</v>
      </c>
      <c r="C162" s="44"/>
      <c r="D162" s="46"/>
    </row>
    <row r="163" spans="1:4" s="16" customFormat="1" ht="29.25" customHeight="1" x14ac:dyDescent="0.25">
      <c r="A163" s="88" t="s">
        <v>379</v>
      </c>
      <c r="B163" s="79" t="s">
        <v>392</v>
      </c>
      <c r="C163" s="44"/>
      <c r="D163" s="46"/>
    </row>
    <row r="164" spans="1:4" s="16" customFormat="1" ht="29.25" customHeight="1" x14ac:dyDescent="0.25">
      <c r="A164" s="88" t="s">
        <v>380</v>
      </c>
      <c r="B164" s="79" t="s">
        <v>393</v>
      </c>
      <c r="C164" s="44"/>
      <c r="D164" s="46"/>
    </row>
    <row r="165" spans="1:4" s="16" customFormat="1" ht="29.25" customHeight="1" x14ac:dyDescent="0.25">
      <c r="A165" s="88" t="s">
        <v>381</v>
      </c>
      <c r="B165" s="79" t="s">
        <v>394</v>
      </c>
      <c r="C165" s="44"/>
      <c r="D165" s="46"/>
    </row>
    <row r="166" spans="1:4" s="16" customFormat="1" ht="29.25" customHeight="1" x14ac:dyDescent="0.25">
      <c r="A166" s="88" t="s">
        <v>382</v>
      </c>
      <c r="B166" s="79" t="s">
        <v>387</v>
      </c>
      <c r="C166" s="44"/>
      <c r="D166" s="46"/>
    </row>
    <row r="167" spans="1:4" s="16" customFormat="1" ht="117.75" customHeight="1" x14ac:dyDescent="0.25">
      <c r="A167" s="88" t="s">
        <v>383</v>
      </c>
      <c r="B167" s="79" t="s">
        <v>388</v>
      </c>
      <c r="C167" s="44"/>
      <c r="D167" s="46"/>
    </row>
    <row r="168" spans="1:4" s="16" customFormat="1" ht="29.25" customHeight="1" x14ac:dyDescent="0.25">
      <c r="A168" s="88" t="s">
        <v>384</v>
      </c>
      <c r="B168" s="79" t="s">
        <v>395</v>
      </c>
      <c r="C168" s="44"/>
      <c r="D168" s="46"/>
    </row>
    <row r="169" spans="1:4" s="16" customFormat="1" ht="56.25" customHeight="1" x14ac:dyDescent="0.25">
      <c r="A169" s="88" t="s">
        <v>385</v>
      </c>
      <c r="B169" s="79" t="s">
        <v>396</v>
      </c>
      <c r="C169" s="44"/>
      <c r="D169" s="46"/>
    </row>
    <row r="170" spans="1:4" s="16" customFormat="1" ht="29.25" customHeight="1" x14ac:dyDescent="0.25">
      <c r="A170" s="133" t="s">
        <v>398</v>
      </c>
      <c r="B170" s="134"/>
      <c r="C170" s="134"/>
      <c r="D170" s="135"/>
    </row>
    <row r="171" spans="1:4" s="16" customFormat="1" ht="55.5" customHeight="1" x14ac:dyDescent="0.25">
      <c r="A171" s="88" t="s">
        <v>113</v>
      </c>
      <c r="B171" s="79" t="s">
        <v>399</v>
      </c>
      <c r="C171" s="44"/>
      <c r="D171" s="46"/>
    </row>
    <row r="172" spans="1:4" s="16" customFormat="1" ht="57.75" customHeight="1" x14ac:dyDescent="0.25">
      <c r="A172" s="88" t="s">
        <v>114</v>
      </c>
      <c r="B172" s="79" t="s">
        <v>401</v>
      </c>
      <c r="C172" s="44"/>
      <c r="D172" s="46"/>
    </row>
    <row r="173" spans="1:4" s="16" customFormat="1" ht="63" customHeight="1" x14ac:dyDescent="0.25">
      <c r="A173" s="88" t="s">
        <v>115</v>
      </c>
      <c r="B173" s="79" t="s">
        <v>521</v>
      </c>
      <c r="C173" s="44"/>
      <c r="D173" s="46"/>
    </row>
    <row r="174" spans="1:4" s="16" customFormat="1" ht="51.75" customHeight="1" x14ac:dyDescent="0.25">
      <c r="A174" s="88" t="s">
        <v>116</v>
      </c>
      <c r="B174" s="79" t="s">
        <v>400</v>
      </c>
      <c r="C174" s="44"/>
      <c r="D174" s="46"/>
    </row>
    <row r="175" spans="1:4" s="16" customFormat="1" ht="29.25" customHeight="1" x14ac:dyDescent="0.25">
      <c r="A175" s="133" t="s">
        <v>402</v>
      </c>
      <c r="B175" s="134"/>
      <c r="C175" s="134"/>
      <c r="D175" s="135"/>
    </row>
    <row r="176" spans="1:4" s="16" customFormat="1" ht="26.25" customHeight="1" x14ac:dyDescent="0.25">
      <c r="A176" s="88" t="s">
        <v>403</v>
      </c>
      <c r="B176" s="79" t="s">
        <v>412</v>
      </c>
      <c r="C176" s="44"/>
      <c r="D176" s="46"/>
    </row>
    <row r="177" spans="1:4" s="16" customFormat="1" ht="30" customHeight="1" x14ac:dyDescent="0.25">
      <c r="A177" s="88" t="s">
        <v>404</v>
      </c>
      <c r="B177" s="79" t="s">
        <v>409</v>
      </c>
      <c r="C177" s="44"/>
      <c r="D177" s="46"/>
    </row>
    <row r="178" spans="1:4" s="16" customFormat="1" ht="27" customHeight="1" x14ac:dyDescent="0.25">
      <c r="A178" s="88" t="s">
        <v>405</v>
      </c>
      <c r="B178" s="79" t="s">
        <v>410</v>
      </c>
      <c r="C178" s="44"/>
      <c r="D178" s="46"/>
    </row>
    <row r="179" spans="1:4" s="16" customFormat="1" ht="26.25" customHeight="1" x14ac:dyDescent="0.25">
      <c r="A179" s="88" t="s">
        <v>406</v>
      </c>
      <c r="B179" s="78" t="s">
        <v>413</v>
      </c>
      <c r="C179" s="44"/>
      <c r="D179" s="46"/>
    </row>
    <row r="180" spans="1:4" s="16" customFormat="1" ht="29.25" customHeight="1" x14ac:dyDescent="0.25">
      <c r="A180" s="88" t="s">
        <v>407</v>
      </c>
      <c r="B180" s="79" t="s">
        <v>414</v>
      </c>
      <c r="C180" s="44"/>
      <c r="D180" s="46"/>
    </row>
    <row r="181" spans="1:4" s="16" customFormat="1" ht="29.25" customHeight="1" x14ac:dyDescent="0.25">
      <c r="A181" s="88" t="s">
        <v>408</v>
      </c>
      <c r="B181" s="78" t="s">
        <v>509</v>
      </c>
      <c r="C181" s="44"/>
      <c r="D181" s="46"/>
    </row>
    <row r="182" spans="1:4" s="16" customFormat="1" ht="51.75" customHeight="1" x14ac:dyDescent="0.25">
      <c r="A182" s="88" t="s">
        <v>411</v>
      </c>
      <c r="B182" s="78" t="s">
        <v>415</v>
      </c>
      <c r="C182" s="44"/>
      <c r="D182" s="46"/>
    </row>
    <row r="183" spans="1:4" s="16" customFormat="1" ht="29.25" customHeight="1" x14ac:dyDescent="0.25">
      <c r="A183" s="133" t="s">
        <v>419</v>
      </c>
      <c r="B183" s="134"/>
      <c r="C183" s="134"/>
      <c r="D183" s="135"/>
    </row>
    <row r="184" spans="1:4" s="16" customFormat="1" ht="26.25" customHeight="1" x14ac:dyDescent="0.25">
      <c r="A184" s="88" t="s">
        <v>416</v>
      </c>
      <c r="B184" s="78" t="s">
        <v>420</v>
      </c>
      <c r="C184" s="44"/>
      <c r="D184" s="46"/>
    </row>
    <row r="185" spans="1:4" s="16" customFormat="1" ht="30" customHeight="1" x14ac:dyDescent="0.25">
      <c r="A185" s="88" t="s">
        <v>417</v>
      </c>
      <c r="B185" s="78" t="s">
        <v>421</v>
      </c>
      <c r="C185" s="44"/>
      <c r="D185" s="46"/>
    </row>
    <row r="186" spans="1:4" s="16" customFormat="1" ht="27" customHeight="1" x14ac:dyDescent="0.25">
      <c r="A186" s="88" t="s">
        <v>418</v>
      </c>
      <c r="B186" s="78" t="s">
        <v>422</v>
      </c>
      <c r="C186" s="44"/>
      <c r="D186" s="46"/>
    </row>
    <row r="187" spans="1:4" s="16" customFormat="1" ht="29.25" customHeight="1" x14ac:dyDescent="0.25">
      <c r="A187" s="133" t="s">
        <v>427</v>
      </c>
      <c r="B187" s="134"/>
      <c r="C187" s="134"/>
      <c r="D187" s="135"/>
    </row>
    <row r="188" spans="1:4" s="16" customFormat="1" ht="77.25" customHeight="1" x14ac:dyDescent="0.25">
      <c r="A188" s="88" t="s">
        <v>423</v>
      </c>
      <c r="B188" s="78" t="s">
        <v>428</v>
      </c>
      <c r="C188" s="44"/>
      <c r="D188" s="46"/>
    </row>
    <row r="189" spans="1:4" s="16" customFormat="1" ht="66" customHeight="1" x14ac:dyDescent="0.25">
      <c r="A189" s="88" t="s">
        <v>424</v>
      </c>
      <c r="B189" s="80" t="s">
        <v>429</v>
      </c>
      <c r="C189" s="44"/>
      <c r="D189" s="46"/>
    </row>
    <row r="190" spans="1:4" s="16" customFormat="1" ht="27" customHeight="1" x14ac:dyDescent="0.25">
      <c r="A190" s="127" t="s">
        <v>430</v>
      </c>
      <c r="B190" s="80" t="s">
        <v>440</v>
      </c>
      <c r="C190" s="44"/>
      <c r="D190" s="46"/>
    </row>
    <row r="191" spans="1:4" s="16" customFormat="1" ht="49.5" customHeight="1" x14ac:dyDescent="0.25">
      <c r="A191" s="127" t="s">
        <v>431</v>
      </c>
      <c r="B191" s="80" t="s">
        <v>441</v>
      </c>
      <c r="C191" s="44"/>
      <c r="D191" s="46"/>
    </row>
    <row r="192" spans="1:4" s="16" customFormat="1" ht="22.5" customHeight="1" x14ac:dyDescent="0.25">
      <c r="A192" s="127" t="s">
        <v>432</v>
      </c>
      <c r="B192" s="80" t="s">
        <v>442</v>
      </c>
      <c r="C192" s="44"/>
      <c r="D192" s="46"/>
    </row>
    <row r="193" spans="1:4" s="16" customFormat="1" ht="100.5" customHeight="1" x14ac:dyDescent="0.25">
      <c r="A193" s="127" t="s">
        <v>433</v>
      </c>
      <c r="B193" s="80" t="s">
        <v>448</v>
      </c>
      <c r="C193" s="44"/>
      <c r="D193" s="46"/>
    </row>
    <row r="194" spans="1:4" s="16" customFormat="1" ht="29.25" customHeight="1" x14ac:dyDescent="0.25">
      <c r="A194" s="88" t="s">
        <v>425</v>
      </c>
      <c r="B194" s="78" t="s">
        <v>434</v>
      </c>
      <c r="C194" s="44"/>
      <c r="D194" s="46"/>
    </row>
    <row r="195" spans="1:4" s="16" customFormat="1" ht="31.5" customHeight="1" x14ac:dyDescent="0.25">
      <c r="A195" s="127" t="s">
        <v>435</v>
      </c>
      <c r="B195" s="80" t="s">
        <v>443</v>
      </c>
      <c r="C195" s="44"/>
      <c r="D195" s="46"/>
    </row>
    <row r="196" spans="1:4" s="16" customFormat="1" ht="29.25" customHeight="1" x14ac:dyDescent="0.25">
      <c r="A196" s="127" t="s">
        <v>436</v>
      </c>
      <c r="B196" s="80" t="s">
        <v>444</v>
      </c>
      <c r="C196" s="44"/>
      <c r="D196" s="46"/>
    </row>
    <row r="197" spans="1:4" s="16" customFormat="1" ht="29.25" customHeight="1" x14ac:dyDescent="0.25">
      <c r="A197" s="127" t="s">
        <v>437</v>
      </c>
      <c r="B197" s="80" t="s">
        <v>445</v>
      </c>
      <c r="C197" s="44"/>
      <c r="D197" s="46"/>
    </row>
    <row r="198" spans="1:4" s="16" customFormat="1" ht="24" customHeight="1" x14ac:dyDescent="0.25">
      <c r="A198" s="127" t="s">
        <v>438</v>
      </c>
      <c r="B198" s="80" t="s">
        <v>446</v>
      </c>
      <c r="C198" s="44"/>
      <c r="D198" s="46"/>
    </row>
    <row r="199" spans="1:4" s="16" customFormat="1" ht="26.25" customHeight="1" x14ac:dyDescent="0.25">
      <c r="A199" s="127" t="s">
        <v>439</v>
      </c>
      <c r="B199" s="79" t="s">
        <v>447</v>
      </c>
      <c r="C199" s="44"/>
      <c r="D199" s="46"/>
    </row>
    <row r="200" spans="1:4" s="16" customFormat="1" ht="27.75" customHeight="1" x14ac:dyDescent="0.25">
      <c r="A200" s="88" t="s">
        <v>426</v>
      </c>
      <c r="B200" s="79" t="s">
        <v>449</v>
      </c>
      <c r="C200" s="44"/>
      <c r="D200" s="46"/>
    </row>
    <row r="201" spans="1:4" s="16" customFormat="1" ht="27" customHeight="1" x14ac:dyDescent="0.25">
      <c r="A201" s="127" t="s">
        <v>457</v>
      </c>
      <c r="B201" s="81" t="s">
        <v>450</v>
      </c>
      <c r="C201" s="44"/>
      <c r="D201" s="46"/>
    </row>
    <row r="202" spans="1:4" s="16" customFormat="1" ht="26.25" customHeight="1" x14ac:dyDescent="0.25">
      <c r="A202" s="127" t="s">
        <v>458</v>
      </c>
      <c r="B202" s="81" t="s">
        <v>451</v>
      </c>
      <c r="C202" s="44"/>
      <c r="D202" s="46"/>
    </row>
    <row r="203" spans="1:4" s="16" customFormat="1" ht="23.25" customHeight="1" x14ac:dyDescent="0.25">
      <c r="A203" s="127" t="s">
        <v>459</v>
      </c>
      <c r="B203" s="81" t="s">
        <v>452</v>
      </c>
      <c r="C203" s="44"/>
      <c r="D203" s="46"/>
    </row>
    <row r="204" spans="1:4" s="16" customFormat="1" ht="29.25" customHeight="1" x14ac:dyDescent="0.25">
      <c r="A204" s="127" t="s">
        <v>460</v>
      </c>
      <c r="B204" s="81" t="s">
        <v>453</v>
      </c>
      <c r="C204" s="44"/>
      <c r="D204" s="46"/>
    </row>
    <row r="205" spans="1:4" s="16" customFormat="1" ht="21" customHeight="1" x14ac:dyDescent="0.25">
      <c r="A205" s="127" t="s">
        <v>461</v>
      </c>
      <c r="B205" s="81" t="s">
        <v>454</v>
      </c>
      <c r="C205" s="44"/>
      <c r="D205" s="46"/>
    </row>
    <row r="206" spans="1:4" s="16" customFormat="1" ht="26.25" customHeight="1" x14ac:dyDescent="0.25">
      <c r="A206" s="127" t="s">
        <v>462</v>
      </c>
      <c r="B206" s="81" t="s">
        <v>510</v>
      </c>
      <c r="C206" s="44"/>
      <c r="D206" s="46"/>
    </row>
    <row r="207" spans="1:4" s="16" customFormat="1" ht="29.25" customHeight="1" x14ac:dyDescent="0.25">
      <c r="A207" s="127" t="s">
        <v>463</v>
      </c>
      <c r="B207" s="81" t="s">
        <v>455</v>
      </c>
      <c r="C207" s="44"/>
      <c r="D207" s="46"/>
    </row>
    <row r="208" spans="1:4" s="16" customFormat="1" ht="29.25" customHeight="1" x14ac:dyDescent="0.25">
      <c r="A208" s="127" t="s">
        <v>464</v>
      </c>
      <c r="B208" s="81" t="s">
        <v>456</v>
      </c>
      <c r="C208" s="44"/>
      <c r="D208" s="46"/>
    </row>
    <row r="209" spans="1:4" s="16" customFormat="1" ht="29.25" customHeight="1" x14ac:dyDescent="0.25">
      <c r="A209" s="133" t="s">
        <v>465</v>
      </c>
      <c r="B209" s="134"/>
      <c r="C209" s="134"/>
      <c r="D209" s="135"/>
    </row>
    <row r="210" spans="1:4" s="16" customFormat="1" ht="171" customHeight="1" x14ac:dyDescent="0.25">
      <c r="A210" s="127" t="s">
        <v>466</v>
      </c>
      <c r="B210" s="82" t="s">
        <v>522</v>
      </c>
      <c r="C210" s="44"/>
      <c r="D210" s="46"/>
    </row>
    <row r="211" spans="1:4" s="16" customFormat="1" ht="29.25" customHeight="1" x14ac:dyDescent="0.25">
      <c r="A211" s="133" t="s">
        <v>467</v>
      </c>
      <c r="B211" s="134"/>
      <c r="C211" s="134"/>
      <c r="D211" s="135"/>
    </row>
    <row r="212" spans="1:4" s="16" customFormat="1" ht="113.25" customHeight="1" x14ac:dyDescent="0.25">
      <c r="A212" s="126" t="s">
        <v>468</v>
      </c>
      <c r="B212" s="82" t="s">
        <v>484</v>
      </c>
      <c r="C212" s="44"/>
      <c r="D212" s="46"/>
    </row>
    <row r="213" spans="1:4" s="16" customFormat="1" ht="29.25" customHeight="1" x14ac:dyDescent="0.25">
      <c r="A213" s="126" t="s">
        <v>469</v>
      </c>
      <c r="B213" s="83" t="s">
        <v>487</v>
      </c>
      <c r="C213" s="44"/>
      <c r="D213" s="46"/>
    </row>
    <row r="214" spans="1:4" s="16" customFormat="1" ht="32.25" customHeight="1" x14ac:dyDescent="0.25">
      <c r="A214" s="126" t="s">
        <v>470</v>
      </c>
      <c r="B214" s="83" t="s">
        <v>523</v>
      </c>
      <c r="C214" s="44"/>
      <c r="D214" s="46"/>
    </row>
    <row r="215" spans="1:4" s="16" customFormat="1" ht="29.25" customHeight="1" x14ac:dyDescent="0.25">
      <c r="A215" s="126" t="s">
        <v>471</v>
      </c>
      <c r="B215" s="83" t="s">
        <v>488</v>
      </c>
      <c r="C215" s="44"/>
      <c r="D215" s="46"/>
    </row>
    <row r="216" spans="1:4" s="16" customFormat="1" ht="36" customHeight="1" x14ac:dyDescent="0.25">
      <c r="A216" s="126" t="s">
        <v>472</v>
      </c>
      <c r="B216" s="83" t="s">
        <v>489</v>
      </c>
      <c r="C216" s="44"/>
      <c r="D216" s="46"/>
    </row>
    <row r="217" spans="1:4" s="16" customFormat="1" ht="33.75" customHeight="1" x14ac:dyDescent="0.25">
      <c r="A217" s="126" t="s">
        <v>473</v>
      </c>
      <c r="B217" s="83" t="s">
        <v>490</v>
      </c>
      <c r="C217" s="44"/>
      <c r="D217" s="46"/>
    </row>
    <row r="218" spans="1:4" s="16" customFormat="1" ht="29.25" customHeight="1" x14ac:dyDescent="0.25">
      <c r="A218" s="126" t="s">
        <v>474</v>
      </c>
      <c r="B218" s="83" t="s">
        <v>491</v>
      </c>
      <c r="C218" s="44"/>
      <c r="D218" s="46"/>
    </row>
    <row r="219" spans="1:4" s="16" customFormat="1" ht="28.5" customHeight="1" x14ac:dyDescent="0.25">
      <c r="A219" s="126" t="s">
        <v>475</v>
      </c>
      <c r="B219" s="83" t="s">
        <v>488</v>
      </c>
      <c r="C219" s="44"/>
      <c r="D219" s="46"/>
    </row>
    <row r="220" spans="1:4" s="16" customFormat="1" ht="33.75" customHeight="1" x14ac:dyDescent="0.25">
      <c r="A220" s="126" t="s">
        <v>476</v>
      </c>
      <c r="B220" s="83" t="s">
        <v>489</v>
      </c>
      <c r="C220" s="44"/>
      <c r="D220" s="46"/>
    </row>
    <row r="221" spans="1:4" s="16" customFormat="1" ht="30.75" customHeight="1" x14ac:dyDescent="0.25">
      <c r="A221" s="126" t="s">
        <v>477</v>
      </c>
      <c r="B221" s="83" t="s">
        <v>492</v>
      </c>
      <c r="C221" s="44"/>
      <c r="D221" s="46"/>
    </row>
    <row r="222" spans="1:4" s="16" customFormat="1" ht="33.75" customHeight="1" x14ac:dyDescent="0.25">
      <c r="A222" s="126" t="s">
        <v>478</v>
      </c>
      <c r="B222" s="83" t="s">
        <v>493</v>
      </c>
      <c r="C222" s="44"/>
      <c r="D222" s="46"/>
    </row>
    <row r="223" spans="1:4" s="16" customFormat="1" ht="30" customHeight="1" x14ac:dyDescent="0.25">
      <c r="A223" s="126" t="s">
        <v>479</v>
      </c>
      <c r="B223" s="83" t="s">
        <v>524</v>
      </c>
      <c r="C223" s="44"/>
      <c r="D223" s="46"/>
    </row>
    <row r="224" spans="1:4" s="16" customFormat="1" ht="31.5" customHeight="1" x14ac:dyDescent="0.25">
      <c r="A224" s="126" t="s">
        <v>480</v>
      </c>
      <c r="B224" s="83" t="s">
        <v>489</v>
      </c>
      <c r="C224" s="44"/>
      <c r="D224" s="46"/>
    </row>
    <row r="225" spans="1:4" s="16" customFormat="1" ht="29.25" customHeight="1" x14ac:dyDescent="0.25">
      <c r="A225" s="126" t="s">
        <v>481</v>
      </c>
      <c r="B225" s="83" t="s">
        <v>494</v>
      </c>
      <c r="C225" s="44"/>
      <c r="D225" s="46"/>
    </row>
    <row r="226" spans="1:4" s="16" customFormat="1" ht="29.25" customHeight="1" x14ac:dyDescent="0.25">
      <c r="A226" s="126" t="s">
        <v>482</v>
      </c>
      <c r="B226" s="83" t="s">
        <v>485</v>
      </c>
      <c r="C226" s="44"/>
      <c r="D226" s="46"/>
    </row>
    <row r="227" spans="1:4" s="16" customFormat="1" ht="22.5" customHeight="1" x14ac:dyDescent="0.25">
      <c r="A227" s="126" t="s">
        <v>483</v>
      </c>
      <c r="B227" s="83" t="s">
        <v>486</v>
      </c>
      <c r="C227" s="44"/>
      <c r="D227" s="46"/>
    </row>
    <row r="228" spans="1:4" s="16" customFormat="1" ht="29.25" customHeight="1" x14ac:dyDescent="0.25">
      <c r="A228" s="139" t="s">
        <v>502</v>
      </c>
      <c r="B228" s="140"/>
      <c r="C228" s="140"/>
      <c r="D228" s="141"/>
    </row>
    <row r="229" spans="1:4" s="16" customFormat="1" ht="29.25" customHeight="1" x14ac:dyDescent="0.25">
      <c r="A229" s="88" t="s">
        <v>495</v>
      </c>
      <c r="B229" s="84" t="s">
        <v>138</v>
      </c>
      <c r="C229" s="44"/>
      <c r="D229" s="46"/>
    </row>
    <row r="230" spans="1:4" s="16" customFormat="1" ht="29.25" customHeight="1" x14ac:dyDescent="0.25">
      <c r="A230" s="88" t="s">
        <v>496</v>
      </c>
      <c r="B230" s="83" t="s">
        <v>139</v>
      </c>
      <c r="C230" s="44"/>
      <c r="D230" s="46"/>
    </row>
    <row r="231" spans="1:4" s="16" customFormat="1" ht="42" customHeight="1" x14ac:dyDescent="0.25">
      <c r="A231" s="88" t="s">
        <v>497</v>
      </c>
      <c r="B231" s="83" t="s">
        <v>140</v>
      </c>
      <c r="C231" s="44"/>
      <c r="D231" s="46"/>
    </row>
    <row r="232" spans="1:4" s="16" customFormat="1" ht="53.25" customHeight="1" x14ac:dyDescent="0.25">
      <c r="A232" s="88" t="s">
        <v>498</v>
      </c>
      <c r="B232" s="83" t="s">
        <v>141</v>
      </c>
      <c r="C232" s="44"/>
      <c r="D232" s="46"/>
    </row>
    <row r="233" spans="1:4" s="16" customFormat="1" ht="217.5" customHeight="1" x14ac:dyDescent="0.25">
      <c r="A233" s="88" t="s">
        <v>499</v>
      </c>
      <c r="B233" s="85" t="s">
        <v>525</v>
      </c>
      <c r="C233" s="44"/>
      <c r="D233" s="46"/>
    </row>
    <row r="234" spans="1:4" s="16" customFormat="1" ht="105.75" customHeight="1" x14ac:dyDescent="0.25">
      <c r="A234" s="88" t="s">
        <v>500</v>
      </c>
      <c r="B234" s="86" t="s">
        <v>220</v>
      </c>
      <c r="C234" s="44"/>
      <c r="D234" s="46"/>
    </row>
    <row r="235" spans="1:4" s="16" customFormat="1" ht="29.25" customHeight="1" thickBot="1" x14ac:dyDescent="0.3">
      <c r="A235" s="128" t="s">
        <v>501</v>
      </c>
      <c r="B235" s="87" t="s">
        <v>219</v>
      </c>
      <c r="C235" s="47"/>
      <c r="D235" s="48"/>
    </row>
    <row r="236" spans="1:4" s="16" customFormat="1" ht="5.0999999999999996" customHeight="1" x14ac:dyDescent="0.25">
      <c r="A236" s="25"/>
      <c r="B236" s="20"/>
      <c r="C236" s="119"/>
      <c r="D236" s="119"/>
    </row>
    <row r="237" spans="1:4" s="16" customFormat="1" ht="20.100000000000001" customHeight="1" x14ac:dyDescent="0.25">
      <c r="A237" s="157" t="s">
        <v>36</v>
      </c>
      <c r="B237" s="157"/>
      <c r="C237" s="157"/>
      <c r="D237" s="157"/>
    </row>
    <row r="238" spans="1:4" s="16" customFormat="1" ht="5.0999999999999996" customHeight="1" thickBot="1" x14ac:dyDescent="0.3">
      <c r="A238" s="25"/>
      <c r="B238" s="20"/>
      <c r="C238" s="119"/>
      <c r="D238" s="119"/>
    </row>
    <row r="239" spans="1:4" s="20" customFormat="1" ht="87.75" customHeight="1" x14ac:dyDescent="0.25">
      <c r="A239" s="146" t="s">
        <v>6</v>
      </c>
      <c r="B239" s="147"/>
      <c r="C239" s="144" t="s">
        <v>128</v>
      </c>
      <c r="D239" s="145"/>
    </row>
    <row r="240" spans="1:4" s="20" customFormat="1" ht="30" customHeight="1" thickBot="1" x14ac:dyDescent="0.3">
      <c r="A240" s="148"/>
      <c r="B240" s="149"/>
      <c r="C240" s="41" t="s">
        <v>127</v>
      </c>
      <c r="D240" s="49" t="s">
        <v>25</v>
      </c>
    </row>
    <row r="241" spans="1:4" s="16" customFormat="1" ht="31.5" customHeight="1" x14ac:dyDescent="0.25">
      <c r="A241" s="88" t="s">
        <v>13</v>
      </c>
      <c r="B241" s="89" t="s">
        <v>195</v>
      </c>
      <c r="C241" s="13"/>
      <c r="D241" s="50"/>
    </row>
    <row r="242" spans="1:4" s="16" customFormat="1" ht="29.25" customHeight="1" x14ac:dyDescent="0.25">
      <c r="A242" s="90" t="s">
        <v>42</v>
      </c>
      <c r="B242" s="91" t="s">
        <v>214</v>
      </c>
      <c r="C242" s="13"/>
      <c r="D242" s="51"/>
    </row>
    <row r="243" spans="1:4" s="16" customFormat="1" ht="62.25" customHeight="1" x14ac:dyDescent="0.25">
      <c r="A243" s="92" t="s">
        <v>143</v>
      </c>
      <c r="B243" s="115" t="s">
        <v>532</v>
      </c>
      <c r="C243" s="13"/>
      <c r="D243" s="52"/>
    </row>
    <row r="244" spans="1:4" s="16" customFormat="1" ht="30.75" customHeight="1" x14ac:dyDescent="0.25">
      <c r="A244" s="92" t="s">
        <v>144</v>
      </c>
      <c r="B244" s="93" t="s">
        <v>167</v>
      </c>
      <c r="C244" s="13"/>
      <c r="D244" s="52"/>
    </row>
    <row r="245" spans="1:4" s="16" customFormat="1" ht="29.25" customHeight="1" x14ac:dyDescent="0.25">
      <c r="A245" s="92" t="s">
        <v>145</v>
      </c>
      <c r="B245" s="93" t="s">
        <v>168</v>
      </c>
      <c r="C245" s="13"/>
      <c r="D245" s="52"/>
    </row>
    <row r="246" spans="1:4" s="16" customFormat="1" ht="61.5" customHeight="1" x14ac:dyDescent="0.25">
      <c r="A246" s="92" t="s">
        <v>146</v>
      </c>
      <c r="B246" s="93" t="s">
        <v>169</v>
      </c>
      <c r="C246" s="13"/>
      <c r="D246" s="52"/>
    </row>
    <row r="247" spans="1:4" s="16" customFormat="1" ht="48" customHeight="1" x14ac:dyDescent="0.25">
      <c r="A247" s="92" t="s">
        <v>147</v>
      </c>
      <c r="B247" s="93" t="s">
        <v>170</v>
      </c>
      <c r="C247" s="13"/>
      <c r="D247" s="52"/>
    </row>
    <row r="248" spans="1:4" s="16" customFormat="1" ht="140.25" customHeight="1" x14ac:dyDescent="0.25">
      <c r="A248" s="94" t="s">
        <v>148</v>
      </c>
      <c r="B248" s="95" t="s">
        <v>217</v>
      </c>
      <c r="C248" s="13"/>
      <c r="D248" s="52"/>
    </row>
    <row r="249" spans="1:4" s="16" customFormat="1" ht="101.25" customHeight="1" x14ac:dyDescent="0.25">
      <c r="A249" s="117" t="s">
        <v>43</v>
      </c>
      <c r="B249" s="118" t="s">
        <v>533</v>
      </c>
      <c r="C249" s="13"/>
      <c r="D249" s="52"/>
    </row>
    <row r="250" spans="1:4" s="16" customFormat="1" ht="75.75" customHeight="1" x14ac:dyDescent="0.25">
      <c r="A250" s="116" t="s">
        <v>72</v>
      </c>
      <c r="B250" s="97" t="s">
        <v>216</v>
      </c>
      <c r="C250" s="13"/>
      <c r="D250" s="52"/>
    </row>
    <row r="251" spans="1:4" s="16" customFormat="1" ht="98.25" customHeight="1" x14ac:dyDescent="0.25">
      <c r="A251" s="98" t="s">
        <v>44</v>
      </c>
      <c r="B251" s="99" t="s">
        <v>171</v>
      </c>
      <c r="C251" s="13"/>
      <c r="D251" s="52"/>
    </row>
    <row r="252" spans="1:4" s="16" customFormat="1" ht="76.5" customHeight="1" x14ac:dyDescent="0.25">
      <c r="A252" s="96" t="s">
        <v>45</v>
      </c>
      <c r="B252" s="99" t="s">
        <v>172</v>
      </c>
      <c r="C252" s="13"/>
      <c r="D252" s="52"/>
    </row>
    <row r="253" spans="1:4" s="16" customFormat="1" ht="84" customHeight="1" x14ac:dyDescent="0.25">
      <c r="A253" s="96" t="s">
        <v>46</v>
      </c>
      <c r="B253" s="99" t="s">
        <v>173</v>
      </c>
      <c r="C253" s="13"/>
      <c r="D253" s="52"/>
    </row>
    <row r="254" spans="1:4" s="16" customFormat="1" ht="98.25" customHeight="1" x14ac:dyDescent="0.25">
      <c r="A254" s="98" t="s">
        <v>52</v>
      </c>
      <c r="B254" s="99" t="s">
        <v>196</v>
      </c>
      <c r="C254" s="13"/>
      <c r="D254" s="52"/>
    </row>
    <row r="255" spans="1:4" s="16" customFormat="1" ht="102.75" customHeight="1" x14ac:dyDescent="0.25">
      <c r="A255" s="100" t="s">
        <v>47</v>
      </c>
      <c r="B255" s="101" t="s">
        <v>174</v>
      </c>
      <c r="C255" s="13"/>
      <c r="D255" s="52"/>
    </row>
    <row r="256" spans="1:4" s="16" customFormat="1" ht="40.5" customHeight="1" x14ac:dyDescent="0.25">
      <c r="A256" s="102" t="s">
        <v>149</v>
      </c>
      <c r="B256" s="103" t="s">
        <v>175</v>
      </c>
      <c r="C256" s="13"/>
      <c r="D256" s="52"/>
    </row>
    <row r="257" spans="1:4" s="16" customFormat="1" ht="48" customHeight="1" x14ac:dyDescent="0.25">
      <c r="A257" s="102" t="s">
        <v>150</v>
      </c>
      <c r="B257" s="103" t="s">
        <v>176</v>
      </c>
      <c r="C257" s="13"/>
      <c r="D257" s="52"/>
    </row>
    <row r="258" spans="1:4" s="16" customFormat="1" ht="68.25" customHeight="1" x14ac:dyDescent="0.25">
      <c r="A258" s="102" t="s">
        <v>151</v>
      </c>
      <c r="B258" s="103" t="s">
        <v>177</v>
      </c>
      <c r="C258" s="13"/>
      <c r="D258" s="52"/>
    </row>
    <row r="259" spans="1:4" s="16" customFormat="1" ht="47.25" customHeight="1" x14ac:dyDescent="0.25">
      <c r="A259" s="102" t="s">
        <v>152</v>
      </c>
      <c r="B259" s="103" t="s">
        <v>178</v>
      </c>
      <c r="C259" s="13"/>
      <c r="D259" s="52"/>
    </row>
    <row r="260" spans="1:4" s="16" customFormat="1" ht="38.25" customHeight="1" x14ac:dyDescent="0.25">
      <c r="A260" s="102" t="s">
        <v>153</v>
      </c>
      <c r="B260" s="103" t="s">
        <v>179</v>
      </c>
      <c r="C260" s="13"/>
      <c r="D260" s="52"/>
    </row>
    <row r="261" spans="1:4" s="16" customFormat="1" ht="59.25" customHeight="1" x14ac:dyDescent="0.25">
      <c r="A261" s="102" t="s">
        <v>154</v>
      </c>
      <c r="B261" s="103" t="s">
        <v>180</v>
      </c>
      <c r="C261" s="13"/>
      <c r="D261" s="52"/>
    </row>
    <row r="262" spans="1:4" s="16" customFormat="1" ht="33.75" customHeight="1" x14ac:dyDescent="0.25">
      <c r="A262" s="102" t="s">
        <v>155</v>
      </c>
      <c r="B262" s="103" t="s">
        <v>181</v>
      </c>
      <c r="C262" s="13"/>
      <c r="D262" s="52"/>
    </row>
    <row r="263" spans="1:4" s="16" customFormat="1" ht="34.5" customHeight="1" x14ac:dyDescent="0.25">
      <c r="A263" s="102" t="s">
        <v>156</v>
      </c>
      <c r="B263" s="103" t="s">
        <v>182</v>
      </c>
      <c r="C263" s="13"/>
      <c r="D263" s="52"/>
    </row>
    <row r="264" spans="1:4" s="16" customFormat="1" ht="42.75" customHeight="1" x14ac:dyDescent="0.25">
      <c r="A264" s="102" t="s">
        <v>157</v>
      </c>
      <c r="B264" s="103" t="s">
        <v>183</v>
      </c>
      <c r="C264" s="13"/>
      <c r="D264" s="52"/>
    </row>
    <row r="265" spans="1:4" s="16" customFormat="1" ht="61.5" customHeight="1" x14ac:dyDescent="0.25">
      <c r="A265" s="104" t="s">
        <v>158</v>
      </c>
      <c r="B265" s="105" t="s">
        <v>184</v>
      </c>
      <c r="C265" s="13"/>
      <c r="D265" s="52"/>
    </row>
    <row r="266" spans="1:4" s="16" customFormat="1" ht="65.25" customHeight="1" x14ac:dyDescent="0.25">
      <c r="A266" s="90" t="s">
        <v>48</v>
      </c>
      <c r="B266" s="91" t="s">
        <v>185</v>
      </c>
      <c r="C266" s="13"/>
      <c r="D266" s="52"/>
    </row>
    <row r="267" spans="1:4" s="16" customFormat="1" ht="85.5" customHeight="1" x14ac:dyDescent="0.25">
      <c r="A267" s="94" t="s">
        <v>159</v>
      </c>
      <c r="B267" s="95" t="s">
        <v>186</v>
      </c>
      <c r="C267" s="13"/>
      <c r="D267" s="52"/>
    </row>
    <row r="268" spans="1:4" s="16" customFormat="1" ht="40.5" customHeight="1" x14ac:dyDescent="0.25">
      <c r="A268" s="100" t="s">
        <v>49</v>
      </c>
      <c r="B268" s="91" t="s">
        <v>187</v>
      </c>
      <c r="C268" s="13"/>
      <c r="D268" s="52"/>
    </row>
    <row r="269" spans="1:4" s="16" customFormat="1" ht="42.75" customHeight="1" x14ac:dyDescent="0.25">
      <c r="A269" s="102" t="s">
        <v>160</v>
      </c>
      <c r="B269" s="93" t="s">
        <v>188</v>
      </c>
      <c r="C269" s="13"/>
      <c r="D269" s="52"/>
    </row>
    <row r="270" spans="1:4" s="16" customFormat="1" ht="63" customHeight="1" x14ac:dyDescent="0.25">
      <c r="A270" s="104" t="s">
        <v>161</v>
      </c>
      <c r="B270" s="95" t="s">
        <v>215</v>
      </c>
      <c r="C270" s="13"/>
      <c r="D270" s="52"/>
    </row>
    <row r="271" spans="1:4" s="16" customFormat="1" ht="74.25" customHeight="1" x14ac:dyDescent="0.25">
      <c r="A271" s="100" t="s">
        <v>50</v>
      </c>
      <c r="B271" s="91" t="s">
        <v>189</v>
      </c>
      <c r="C271" s="13"/>
      <c r="D271" s="52"/>
    </row>
    <row r="272" spans="1:4" s="16" customFormat="1" ht="60.75" customHeight="1" x14ac:dyDescent="0.25">
      <c r="A272" s="102" t="s">
        <v>162</v>
      </c>
      <c r="B272" s="93" t="s">
        <v>190</v>
      </c>
      <c r="C272" s="13"/>
      <c r="D272" s="52"/>
    </row>
    <row r="273" spans="1:5" s="16" customFormat="1" ht="54" customHeight="1" x14ac:dyDescent="0.25">
      <c r="A273" s="104" t="s">
        <v>163</v>
      </c>
      <c r="B273" s="95" t="s">
        <v>191</v>
      </c>
      <c r="C273" s="13"/>
      <c r="D273" s="52"/>
    </row>
    <row r="274" spans="1:5" s="16" customFormat="1" ht="124.5" customHeight="1" x14ac:dyDescent="0.25">
      <c r="A274" s="98" t="s">
        <v>164</v>
      </c>
      <c r="B274" s="99" t="s">
        <v>192</v>
      </c>
      <c r="C274" s="13"/>
      <c r="D274" s="52"/>
    </row>
    <row r="275" spans="1:5" s="16" customFormat="1" ht="111.75" customHeight="1" x14ac:dyDescent="0.25">
      <c r="A275" s="98" t="s">
        <v>165</v>
      </c>
      <c r="B275" s="99" t="s">
        <v>193</v>
      </c>
      <c r="C275" s="13"/>
      <c r="D275" s="52"/>
    </row>
    <row r="276" spans="1:5" s="16" customFormat="1" ht="74.25" customHeight="1" x14ac:dyDescent="0.25">
      <c r="A276" s="98" t="s">
        <v>166</v>
      </c>
      <c r="B276" s="99" t="s">
        <v>194</v>
      </c>
      <c r="C276" s="13"/>
      <c r="D276" s="52"/>
    </row>
    <row r="277" spans="1:5" s="16" customFormat="1" ht="87.75" customHeight="1" x14ac:dyDescent="0.25">
      <c r="A277" s="98" t="s">
        <v>205</v>
      </c>
      <c r="B277" s="99" t="s">
        <v>197</v>
      </c>
      <c r="C277" s="13"/>
      <c r="D277" s="52"/>
    </row>
    <row r="278" spans="1:5" s="16" customFormat="1" ht="125.25" customHeight="1" x14ac:dyDescent="0.25">
      <c r="A278" s="98" t="s">
        <v>206</v>
      </c>
      <c r="B278" s="99" t="s">
        <v>198</v>
      </c>
      <c r="C278" s="13"/>
      <c r="D278" s="52"/>
    </row>
    <row r="279" spans="1:5" s="16" customFormat="1" ht="108.75" customHeight="1" x14ac:dyDescent="0.25">
      <c r="A279" s="98" t="s">
        <v>207</v>
      </c>
      <c r="B279" s="99" t="s">
        <v>218</v>
      </c>
      <c r="C279" s="13"/>
      <c r="D279" s="52"/>
    </row>
    <row r="280" spans="1:5" s="16" customFormat="1" ht="84" customHeight="1" x14ac:dyDescent="0.25">
      <c r="A280" s="106" t="s">
        <v>208</v>
      </c>
      <c r="B280" s="99" t="s">
        <v>199</v>
      </c>
      <c r="C280" s="13"/>
      <c r="D280" s="52"/>
    </row>
    <row r="281" spans="1:5" s="16" customFormat="1" ht="201" customHeight="1" x14ac:dyDescent="0.25">
      <c r="A281" s="98" t="s">
        <v>209</v>
      </c>
      <c r="B281" s="99" t="s">
        <v>200</v>
      </c>
      <c r="C281" s="13"/>
      <c r="D281" s="52"/>
    </row>
    <row r="282" spans="1:5" s="16" customFormat="1" ht="96.75" customHeight="1" x14ac:dyDescent="0.25">
      <c r="A282" s="98" t="s">
        <v>210</v>
      </c>
      <c r="B282" s="99" t="s">
        <v>201</v>
      </c>
      <c r="C282" s="13"/>
      <c r="D282" s="52"/>
    </row>
    <row r="283" spans="1:5" s="16" customFormat="1" ht="119.25" customHeight="1" x14ac:dyDescent="0.25">
      <c r="A283" s="98" t="s">
        <v>211</v>
      </c>
      <c r="B283" s="99" t="s">
        <v>202</v>
      </c>
      <c r="C283" s="13"/>
      <c r="D283" s="52"/>
    </row>
    <row r="284" spans="1:5" s="16" customFormat="1" ht="57.75" customHeight="1" x14ac:dyDescent="0.25">
      <c r="A284" s="98" t="s">
        <v>212</v>
      </c>
      <c r="B284" s="107" t="s">
        <v>203</v>
      </c>
      <c r="C284" s="13"/>
      <c r="D284" s="52"/>
    </row>
    <row r="285" spans="1:5" s="16" customFormat="1" ht="49.5" customHeight="1" x14ac:dyDescent="0.25">
      <c r="A285" s="98" t="s">
        <v>213</v>
      </c>
      <c r="B285" s="108" t="s">
        <v>204</v>
      </c>
      <c r="C285" s="13"/>
      <c r="D285" s="52"/>
    </row>
    <row r="286" spans="1:5" s="20" customFormat="1" ht="9" customHeight="1" x14ac:dyDescent="0.25">
      <c r="A286" s="53"/>
      <c r="B286" s="53"/>
      <c r="C286" s="54"/>
      <c r="D286" s="55"/>
      <c r="E286" s="16"/>
    </row>
    <row r="287" spans="1:5" s="16" customFormat="1" ht="20.100000000000001" customHeight="1" x14ac:dyDescent="0.25">
      <c r="A287" s="157" t="s">
        <v>41</v>
      </c>
      <c r="B287" s="157"/>
      <c r="C287" s="157"/>
      <c r="D287" s="157"/>
    </row>
    <row r="288" spans="1:5" s="16" customFormat="1" ht="4.5" customHeight="1" thickBot="1" x14ac:dyDescent="0.3">
      <c r="B288" s="20"/>
    </row>
    <row r="289" spans="1:5" s="16" customFormat="1" ht="88.5" customHeight="1" x14ac:dyDescent="0.25">
      <c r="A289" s="161" t="s">
        <v>118</v>
      </c>
      <c r="B289" s="162"/>
      <c r="C289" s="165" t="s">
        <v>129</v>
      </c>
      <c r="D289" s="166"/>
    </row>
    <row r="290" spans="1:5" s="20" customFormat="1" ht="39" customHeight="1" thickBot="1" x14ac:dyDescent="0.3">
      <c r="A290" s="163"/>
      <c r="B290" s="164"/>
      <c r="C290" s="56" t="s">
        <v>127</v>
      </c>
      <c r="D290" s="49" t="s">
        <v>25</v>
      </c>
      <c r="E290" s="16"/>
    </row>
    <row r="291" spans="1:5" s="20" customFormat="1" ht="172.5" customHeight="1" x14ac:dyDescent="0.25">
      <c r="A291" s="96" t="s">
        <v>13</v>
      </c>
      <c r="B291" s="109" t="s">
        <v>142</v>
      </c>
      <c r="C291" s="13"/>
      <c r="D291" s="50"/>
      <c r="E291" s="16"/>
    </row>
    <row r="292" spans="1:5" s="20" customFormat="1" ht="32.25" customHeight="1" x14ac:dyDescent="0.25">
      <c r="A292" s="98" t="s">
        <v>42</v>
      </c>
      <c r="B292" s="110" t="s">
        <v>225</v>
      </c>
      <c r="C292" s="13"/>
      <c r="D292" s="52"/>
      <c r="E292" s="16"/>
    </row>
    <row r="293" spans="1:5" s="20" customFormat="1" ht="88.5" customHeight="1" x14ac:dyDescent="0.25">
      <c r="A293" s="96" t="s">
        <v>43</v>
      </c>
      <c r="B293" s="110" t="s">
        <v>226</v>
      </c>
      <c r="C293" s="13"/>
      <c r="D293" s="51"/>
      <c r="E293" s="16"/>
    </row>
    <row r="294" spans="1:5" s="20" customFormat="1" ht="40.5" customHeight="1" x14ac:dyDescent="0.25">
      <c r="A294" s="98" t="s">
        <v>44</v>
      </c>
      <c r="B294" s="111" t="s">
        <v>60</v>
      </c>
      <c r="C294" s="13"/>
      <c r="D294" s="51"/>
      <c r="E294" s="16"/>
    </row>
    <row r="295" spans="1:5" s="20" customFormat="1" ht="32.25" customHeight="1" x14ac:dyDescent="0.25">
      <c r="A295" s="96" t="s">
        <v>45</v>
      </c>
      <c r="B295" s="112" t="s">
        <v>56</v>
      </c>
      <c r="C295" s="13"/>
      <c r="D295" s="51"/>
      <c r="E295" s="16"/>
    </row>
    <row r="296" spans="1:5" s="20" customFormat="1" ht="35.25" customHeight="1" x14ac:dyDescent="0.25">
      <c r="A296" s="98" t="s">
        <v>46</v>
      </c>
      <c r="B296" s="112" t="s">
        <v>57</v>
      </c>
      <c r="C296" s="13"/>
      <c r="D296" s="51"/>
      <c r="E296" s="16"/>
    </row>
    <row r="297" spans="1:5" s="20" customFormat="1" ht="32.25" customHeight="1" x14ac:dyDescent="0.25">
      <c r="A297" s="96" t="s">
        <v>52</v>
      </c>
      <c r="B297" s="112" t="s">
        <v>58</v>
      </c>
      <c r="C297" s="13"/>
      <c r="D297" s="51"/>
      <c r="E297" s="16"/>
    </row>
    <row r="298" spans="1:5" s="20" customFormat="1" ht="39.75" customHeight="1" x14ac:dyDescent="0.25">
      <c r="A298" s="98" t="s">
        <v>47</v>
      </c>
      <c r="B298" s="112" t="s">
        <v>59</v>
      </c>
      <c r="C298" s="13"/>
      <c r="D298" s="51"/>
      <c r="E298" s="16"/>
    </row>
    <row r="299" spans="1:5" s="20" customFormat="1" ht="38.25" customHeight="1" x14ac:dyDescent="0.25">
      <c r="A299" s="96" t="s">
        <v>48</v>
      </c>
      <c r="B299" s="111" t="s">
        <v>227</v>
      </c>
      <c r="C299" s="13"/>
      <c r="D299" s="57"/>
      <c r="E299" s="16"/>
    </row>
    <row r="300" spans="1:5" s="20" customFormat="1" ht="45" customHeight="1" x14ac:dyDescent="0.25">
      <c r="A300" s="98" t="s">
        <v>49</v>
      </c>
      <c r="B300" s="111" t="s">
        <v>228</v>
      </c>
      <c r="C300" s="13"/>
      <c r="D300" s="51"/>
      <c r="E300" s="16"/>
    </row>
    <row r="301" spans="1:5" s="20" customFormat="1" ht="82.5" customHeight="1" thickBot="1" x14ac:dyDescent="0.3">
      <c r="A301" s="113" t="s">
        <v>50</v>
      </c>
      <c r="B301" s="114" t="s">
        <v>529</v>
      </c>
      <c r="C301" s="58"/>
      <c r="D301" s="59"/>
      <c r="E301" s="16"/>
    </row>
    <row r="302" spans="1:5" s="16" customFormat="1" ht="6.75" customHeight="1" x14ac:dyDescent="0.25">
      <c r="A302" s="53"/>
      <c r="B302" s="53"/>
      <c r="C302" s="54"/>
      <c r="D302" s="55"/>
    </row>
    <row r="303" spans="1:5" s="16" customFormat="1" ht="15.75" customHeight="1" x14ac:dyDescent="0.25">
      <c r="A303" s="157" t="s">
        <v>12</v>
      </c>
      <c r="B303" s="157"/>
      <c r="C303" s="157"/>
      <c r="D303" s="157"/>
    </row>
    <row r="304" spans="1:5" s="20" customFormat="1" ht="26.25" customHeight="1" x14ac:dyDescent="0.25">
      <c r="A304" s="55" t="s">
        <v>14</v>
      </c>
      <c r="B304" s="150" t="s">
        <v>136</v>
      </c>
      <c r="C304" s="150"/>
      <c r="D304" s="150"/>
      <c r="E304" s="16"/>
    </row>
    <row r="305" spans="1:5" s="61" customFormat="1" ht="26.25" customHeight="1" x14ac:dyDescent="0.25">
      <c r="A305" s="60" t="s">
        <v>26</v>
      </c>
      <c r="B305" s="172" t="s">
        <v>526</v>
      </c>
      <c r="C305" s="172"/>
      <c r="D305" s="172"/>
      <c r="E305" s="36"/>
    </row>
    <row r="306" spans="1:5" s="62" customFormat="1" ht="39" customHeight="1" x14ac:dyDescent="0.25">
      <c r="A306" s="142" t="s">
        <v>27</v>
      </c>
      <c r="B306" s="142"/>
      <c r="C306" s="142"/>
      <c r="D306" s="20"/>
      <c r="E306" s="16"/>
    </row>
    <row r="307" spans="1:5" s="16" customFormat="1" ht="24.95" customHeight="1" x14ac:dyDescent="0.25">
      <c r="A307" s="63" t="s">
        <v>28</v>
      </c>
      <c r="B307" s="124"/>
      <c r="D307" s="62"/>
    </row>
    <row r="308" spans="1:5" s="16" customFormat="1" ht="24.95" customHeight="1" x14ac:dyDescent="0.25">
      <c r="A308" s="63" t="s">
        <v>29</v>
      </c>
      <c r="B308" s="124"/>
      <c r="D308" s="62"/>
    </row>
    <row r="309" spans="1:5" s="16" customFormat="1" ht="24.95" customHeight="1" x14ac:dyDescent="0.25">
      <c r="A309" s="63" t="s">
        <v>30</v>
      </c>
      <c r="B309" s="124"/>
      <c r="D309" s="62"/>
    </row>
    <row r="310" spans="1:5" s="20" customFormat="1" ht="24.95" customHeight="1" x14ac:dyDescent="0.25">
      <c r="A310" s="63" t="s">
        <v>31</v>
      </c>
      <c r="B310" s="124"/>
      <c r="C310" s="16"/>
      <c r="D310" s="64"/>
      <c r="E310" s="16"/>
    </row>
    <row r="311" spans="1:5" s="16" customFormat="1" ht="14.25" customHeight="1" x14ac:dyDescent="0.2">
      <c r="A311" s="65"/>
      <c r="B311" s="66"/>
      <c r="D311" s="67"/>
    </row>
    <row r="312" spans="1:5" s="20" customFormat="1" ht="15" customHeight="1" x14ac:dyDescent="0.25">
      <c r="A312" s="143" t="s">
        <v>32</v>
      </c>
      <c r="B312" s="143"/>
      <c r="C312" s="143"/>
      <c r="D312" s="143"/>
    </row>
    <row r="313" spans="1:5" s="16" customFormat="1" ht="36.75" customHeight="1" x14ac:dyDescent="0.25">
      <c r="A313" s="171" t="s">
        <v>137</v>
      </c>
      <c r="B313" s="171"/>
      <c r="C313" s="171"/>
      <c r="D313" s="171"/>
    </row>
    <row r="314" spans="1:5" s="16" customFormat="1" ht="20.100000000000001" customHeight="1" x14ac:dyDescent="0.2">
      <c r="A314" s="11"/>
      <c r="B314" s="20"/>
      <c r="C314" s="24"/>
    </row>
    <row r="315" spans="1:5" s="20" customFormat="1" ht="4.5" customHeight="1" x14ac:dyDescent="0.2">
      <c r="A315" s="11"/>
      <c r="C315" s="24"/>
      <c r="D315" s="16"/>
    </row>
    <row r="316" spans="1:5" s="20" customFormat="1" ht="20.100000000000001" customHeight="1" x14ac:dyDescent="0.25">
      <c r="A316" s="68" t="s">
        <v>33</v>
      </c>
      <c r="B316" s="69"/>
      <c r="C316" s="170"/>
      <c r="D316" s="170"/>
    </row>
    <row r="317" spans="1:5" s="20" customFormat="1" ht="20.100000000000001" customHeight="1" x14ac:dyDescent="0.25">
      <c r="A317" s="70"/>
      <c r="B317" s="71"/>
      <c r="C317" s="129"/>
      <c r="D317" s="129"/>
    </row>
    <row r="318" spans="1:5" ht="20.100000000000001" customHeight="1" x14ac:dyDescent="0.25">
      <c r="A318" s="68" t="s">
        <v>34</v>
      </c>
      <c r="B318" s="69"/>
      <c r="C318" s="129"/>
      <c r="D318" s="129"/>
    </row>
    <row r="319" spans="1:5" s="16" customFormat="1" ht="20.100000000000001" customHeight="1" x14ac:dyDescent="0.25">
      <c r="A319" s="11"/>
      <c r="B319" s="20"/>
      <c r="C319" s="129"/>
      <c r="D319" s="129"/>
    </row>
    <row r="320" spans="1:5" s="16" customFormat="1" ht="20.100000000000001" customHeight="1" x14ac:dyDescent="0.25">
      <c r="A320" s="11"/>
      <c r="B320" s="20"/>
      <c r="C320" s="72" t="s">
        <v>132</v>
      </c>
      <c r="D320" s="130"/>
      <c r="E320" s="130"/>
    </row>
    <row r="321" spans="1:15" s="16" customFormat="1" ht="37.5" customHeight="1" x14ac:dyDescent="0.25">
      <c r="B321" s="20"/>
      <c r="C321" s="70"/>
      <c r="D321" s="73"/>
      <c r="E321" s="73"/>
    </row>
    <row r="322" spans="1:15" s="1" customFormat="1" ht="15.75" customHeight="1" x14ac:dyDescent="0.2">
      <c r="A322" s="158" t="s">
        <v>130</v>
      </c>
      <c r="B322" s="158"/>
      <c r="C322" s="74" t="s">
        <v>133</v>
      </c>
      <c r="D322" s="131"/>
      <c r="E322" s="131"/>
      <c r="F322" s="2"/>
      <c r="G322" s="2"/>
      <c r="H322" s="2"/>
      <c r="I322" s="2"/>
      <c r="J322" s="2"/>
      <c r="K322" s="2"/>
      <c r="L322" s="2"/>
      <c r="M322" s="3"/>
      <c r="O322" s="3"/>
    </row>
    <row r="323" spans="1:15" s="10" customFormat="1" ht="15" x14ac:dyDescent="0.25">
      <c r="A323" s="4"/>
      <c r="B323" s="5" t="s">
        <v>131</v>
      </c>
      <c r="C323" s="74" t="s">
        <v>134</v>
      </c>
      <c r="D323" s="132"/>
      <c r="E323" s="132"/>
      <c r="F323" s="8"/>
      <c r="G323" s="8"/>
      <c r="H323" s="8"/>
      <c r="I323" s="8"/>
      <c r="J323" s="8"/>
      <c r="K323" s="8"/>
      <c r="L323" s="8"/>
      <c r="M323" s="9"/>
      <c r="O323" s="9"/>
    </row>
    <row r="324" spans="1:15" s="16" customFormat="1" ht="24" customHeight="1" x14ac:dyDescent="0.2">
      <c r="B324" s="20"/>
      <c r="C324" s="75" t="s">
        <v>135</v>
      </c>
      <c r="D324" s="11"/>
    </row>
    <row r="325" spans="1:15" s="16" customFormat="1" ht="24" customHeight="1" x14ac:dyDescent="0.2">
      <c r="B325" s="20"/>
      <c r="C325" s="11"/>
    </row>
    <row r="326" spans="1:15" s="16" customFormat="1" ht="24" customHeight="1" x14ac:dyDescent="0.25">
      <c r="B326" s="20"/>
    </row>
    <row r="327" spans="1:15" s="16" customFormat="1" ht="20.100000000000001" customHeight="1" x14ac:dyDescent="0.2">
      <c r="B327" s="20"/>
      <c r="C327" s="1"/>
      <c r="D327" s="123"/>
      <c r="E327" s="123"/>
    </row>
    <row r="328" spans="1:15" s="16" customFormat="1" ht="20.100000000000001" customHeight="1" x14ac:dyDescent="0.2">
      <c r="B328" s="20"/>
      <c r="C328" s="6"/>
      <c r="D328" s="7"/>
      <c r="E328" s="7"/>
    </row>
    <row r="329" spans="1:15" s="16" customFormat="1" ht="50.1" customHeight="1" x14ac:dyDescent="0.25">
      <c r="B329" s="20"/>
    </row>
    <row r="330" spans="1:15" s="16" customFormat="1" ht="43.5" customHeight="1" x14ac:dyDescent="0.25">
      <c r="B330" s="20"/>
    </row>
    <row r="331" spans="1:15" ht="24.75" customHeight="1" x14ac:dyDescent="0.2">
      <c r="A331" s="16"/>
      <c r="C331" s="16"/>
      <c r="E331" s="16"/>
    </row>
    <row r="332" spans="1:15" x14ac:dyDescent="0.2">
      <c r="A332" s="16"/>
      <c r="C332" s="16"/>
      <c r="E332" s="16"/>
    </row>
    <row r="333" spans="1:15" ht="20.100000000000001" customHeight="1" x14ac:dyDescent="0.2">
      <c r="C333" s="16"/>
      <c r="E333" s="16"/>
    </row>
    <row r="334" spans="1:15" ht="4.5" customHeight="1" x14ac:dyDescent="0.2">
      <c r="C334" s="16"/>
      <c r="E334" s="16"/>
    </row>
    <row r="335" spans="1:15" ht="20.100000000000001" customHeight="1" x14ac:dyDescent="0.2">
      <c r="C335" s="16"/>
      <c r="E335" s="16"/>
    </row>
    <row r="336" spans="1:15" ht="20.100000000000001" customHeight="1" x14ac:dyDescent="0.2">
      <c r="C336" s="16"/>
    </row>
    <row r="337" spans="3:3" ht="20.100000000000001" customHeight="1" x14ac:dyDescent="0.2">
      <c r="C337" s="16"/>
    </row>
  </sheetData>
  <sheetProtection algorithmName="SHA-512" hashValue="dCnfQnMIJs0M7jPCLrbSm9arIcE5ow1i1bncEuHCGtAPPLdiuCrzKJMi8yK+Y9uQDRxn1Wthppc5Jk1NGDQjmA==" saltValue="FHn2geFjjhbDrEkKWmA1Yw==" spinCount="100000" sheet="1" formatCells="0" formatColumns="0" formatRows="0" insertColumns="0" insertRows="0" insertHyperlinks="0" deleteColumns="0" deleteRows="0" selectLockedCells="1" sort="0" autoFilter="0" pivotTables="0"/>
  <mergeCells count="64">
    <mergeCell ref="A211:D211"/>
    <mergeCell ref="A154:D154"/>
    <mergeCell ref="A183:D183"/>
    <mergeCell ref="A175:D175"/>
    <mergeCell ref="A187:D187"/>
    <mergeCell ref="A209:D209"/>
    <mergeCell ref="A35:B35"/>
    <mergeCell ref="A2:D2"/>
    <mergeCell ref="A1:D1"/>
    <mergeCell ref="A25:B25"/>
    <mergeCell ref="A28:B28"/>
    <mergeCell ref="A9:D9"/>
    <mergeCell ref="A15:B15"/>
    <mergeCell ref="A13:B13"/>
    <mergeCell ref="A14:B14"/>
    <mergeCell ref="A21:D21"/>
    <mergeCell ref="A22:B22"/>
    <mergeCell ref="A23:D23"/>
    <mergeCell ref="A18:B18"/>
    <mergeCell ref="A19:B19"/>
    <mergeCell ref="A20:D20"/>
    <mergeCell ref="A24:D24"/>
    <mergeCell ref="A3:D3"/>
    <mergeCell ref="A7:D7"/>
    <mergeCell ref="A8:D8"/>
    <mergeCell ref="A11:D11"/>
    <mergeCell ref="A12:B12"/>
    <mergeCell ref="A96:D96"/>
    <mergeCell ref="C318:D318"/>
    <mergeCell ref="A237:D237"/>
    <mergeCell ref="A322:B322"/>
    <mergeCell ref="A39:D39"/>
    <mergeCell ref="A41:B42"/>
    <mergeCell ref="C41:D41"/>
    <mergeCell ref="A287:D287"/>
    <mergeCell ref="A289:B290"/>
    <mergeCell ref="C289:D289"/>
    <mergeCell ref="A43:D43"/>
    <mergeCell ref="C316:D316"/>
    <mergeCell ref="C319:D319"/>
    <mergeCell ref="A313:D313"/>
    <mergeCell ref="A303:D303"/>
    <mergeCell ref="B305:D305"/>
    <mergeCell ref="A44:D44"/>
    <mergeCell ref="A62:D62"/>
    <mergeCell ref="A69:D69"/>
    <mergeCell ref="A76:D76"/>
    <mergeCell ref="A88:D88"/>
    <mergeCell ref="C317:D317"/>
    <mergeCell ref="D320:E320"/>
    <mergeCell ref="D322:E322"/>
    <mergeCell ref="D323:E323"/>
    <mergeCell ref="A107:D107"/>
    <mergeCell ref="A114:D114"/>
    <mergeCell ref="A116:D116"/>
    <mergeCell ref="A134:D134"/>
    <mergeCell ref="A144:D144"/>
    <mergeCell ref="A170:D170"/>
    <mergeCell ref="A228:D228"/>
    <mergeCell ref="A306:C306"/>
    <mergeCell ref="A312:D312"/>
    <mergeCell ref="C239:D239"/>
    <mergeCell ref="A239:B240"/>
    <mergeCell ref="B304:D304"/>
  </mergeCells>
  <conditionalFormatting sqref="B316 C291:C301 C145:C153 C241:C285 C229:C235">
    <cfRule type="containsBlanks" dxfId="55" priority="187">
      <formula>LEN(TRIM(B145))=0</formula>
    </cfRule>
  </conditionalFormatting>
  <conditionalFormatting sqref="B318">
    <cfRule type="containsBlanks" dxfId="54" priority="186">
      <formula>LEN(TRIM(B318))=0</formula>
    </cfRule>
  </conditionalFormatting>
  <conditionalFormatting sqref="B4:B5">
    <cfRule type="containsBlanks" dxfId="53" priority="185">
      <formula>LEN(TRIM(B4))=0</formula>
    </cfRule>
  </conditionalFormatting>
  <conditionalFormatting sqref="B309">
    <cfRule type="containsBlanks" dxfId="52" priority="175">
      <formula>LEN(TRIM(B309))=0</formula>
    </cfRule>
  </conditionalFormatting>
  <conditionalFormatting sqref="B308">
    <cfRule type="containsBlanks" dxfId="51" priority="126">
      <formula>LEN(TRIM(B308))=0</formula>
    </cfRule>
  </conditionalFormatting>
  <conditionalFormatting sqref="B307">
    <cfRule type="containsBlanks" dxfId="50" priority="125">
      <formula>LEN(TRIM(B307))=0</formula>
    </cfRule>
  </conditionalFormatting>
  <conditionalFormatting sqref="B310">
    <cfRule type="containsBlanks" dxfId="49" priority="124">
      <formula>LEN(TRIM(B310))=0</formula>
    </cfRule>
  </conditionalFormatting>
  <conditionalFormatting sqref="D322:E322">
    <cfRule type="containsBlanks" dxfId="48" priority="61">
      <formula>LEN(TRIM(D322))=0</formula>
    </cfRule>
  </conditionalFormatting>
  <conditionalFormatting sqref="D323:E323">
    <cfRule type="containsBlanks" dxfId="47" priority="60">
      <formula>LEN(TRIM(D323))=0</formula>
    </cfRule>
  </conditionalFormatting>
  <conditionalFormatting sqref="C51:C54">
    <cfRule type="containsBlanks" dxfId="46" priority="59">
      <formula>LEN(TRIM(C51))=0</formula>
    </cfRule>
  </conditionalFormatting>
  <conditionalFormatting sqref="C63:C68">
    <cfRule type="containsBlanks" dxfId="45" priority="58">
      <formula>LEN(TRIM(C63))=0</formula>
    </cfRule>
  </conditionalFormatting>
  <conditionalFormatting sqref="C70:C75">
    <cfRule type="containsBlanks" dxfId="44" priority="57">
      <formula>LEN(TRIM(C70))=0</formula>
    </cfRule>
  </conditionalFormatting>
  <conditionalFormatting sqref="C77:C87">
    <cfRule type="containsBlanks" dxfId="43" priority="56">
      <formula>LEN(TRIM(C77))=0</formula>
    </cfRule>
  </conditionalFormatting>
  <conditionalFormatting sqref="C89:C95">
    <cfRule type="containsBlanks" dxfId="42" priority="55">
      <formula>LEN(TRIM(C89))=0</formula>
    </cfRule>
  </conditionalFormatting>
  <conditionalFormatting sqref="C97:C106">
    <cfRule type="containsBlanks" dxfId="41" priority="54">
      <formula>LEN(TRIM(C97))=0</formula>
    </cfRule>
  </conditionalFormatting>
  <conditionalFormatting sqref="C115">
    <cfRule type="containsBlanks" dxfId="40" priority="52">
      <formula>LEN(TRIM(C115))=0</formula>
    </cfRule>
  </conditionalFormatting>
  <conditionalFormatting sqref="C171:C174">
    <cfRule type="containsBlanks" dxfId="39" priority="48">
      <formula>LEN(TRIM(C171))=0</formula>
    </cfRule>
  </conditionalFormatting>
  <conditionalFormatting sqref="C129:C133">
    <cfRule type="containsBlanks" dxfId="38" priority="51">
      <formula>LEN(TRIM(C129))=0</formula>
    </cfRule>
  </conditionalFormatting>
  <conditionalFormatting sqref="C45:C50">
    <cfRule type="containsBlanks" dxfId="37" priority="44">
      <formula>LEN(TRIM(C45))=0</formula>
    </cfRule>
  </conditionalFormatting>
  <conditionalFormatting sqref="C58:C61">
    <cfRule type="containsBlanks" dxfId="36" priority="43">
      <formula>LEN(TRIM(C58))=0</formula>
    </cfRule>
  </conditionalFormatting>
  <conditionalFormatting sqref="C108">
    <cfRule type="containsBlanks" dxfId="35" priority="41">
      <formula>LEN(TRIM(C108))=0</formula>
    </cfRule>
  </conditionalFormatting>
  <conditionalFormatting sqref="C113">
    <cfRule type="containsBlanks" dxfId="34" priority="38">
      <formula>LEN(TRIM(C113))=0</formula>
    </cfRule>
  </conditionalFormatting>
  <conditionalFormatting sqref="C55:C57">
    <cfRule type="containsBlanks" dxfId="33" priority="42">
      <formula>LEN(TRIM(C55))=0</formula>
    </cfRule>
  </conditionalFormatting>
  <conditionalFormatting sqref="C110">
    <cfRule type="containsBlanks" dxfId="32" priority="35">
      <formula>LEN(TRIM(C110))=0</formula>
    </cfRule>
  </conditionalFormatting>
  <conditionalFormatting sqref="C112">
    <cfRule type="containsBlanks" dxfId="31" priority="37">
      <formula>LEN(TRIM(C112))=0</formula>
    </cfRule>
  </conditionalFormatting>
  <conditionalFormatting sqref="C120:C121">
    <cfRule type="containsBlanks" dxfId="30" priority="29">
      <formula>LEN(TRIM(C120))=0</formula>
    </cfRule>
  </conditionalFormatting>
  <conditionalFormatting sqref="C111">
    <cfRule type="containsBlanks" dxfId="29" priority="36">
      <formula>LEN(TRIM(C111))=0</formula>
    </cfRule>
  </conditionalFormatting>
  <conditionalFormatting sqref="C109">
    <cfRule type="containsBlanks" dxfId="28" priority="34">
      <formula>LEN(TRIM(C109))=0</formula>
    </cfRule>
  </conditionalFormatting>
  <conditionalFormatting sqref="C135:C137">
    <cfRule type="containsBlanks" dxfId="27" priority="26">
      <formula>LEN(TRIM(C135))=0</formula>
    </cfRule>
  </conditionalFormatting>
  <conditionalFormatting sqref="C117:C119 C127:C128">
    <cfRule type="containsBlanks" dxfId="26" priority="31">
      <formula>LEN(TRIM(C117))=0</formula>
    </cfRule>
  </conditionalFormatting>
  <conditionalFormatting sqref="C122:C126">
    <cfRule type="containsBlanks" dxfId="25" priority="30">
      <formula>LEN(TRIM(C122))=0</formula>
    </cfRule>
  </conditionalFormatting>
  <conditionalFormatting sqref="C141:C143">
    <cfRule type="containsBlanks" dxfId="24" priority="28">
      <formula>LEN(TRIM(C141))=0</formula>
    </cfRule>
  </conditionalFormatting>
  <conditionalFormatting sqref="C161:C165">
    <cfRule type="containsBlanks" dxfId="23" priority="25">
      <formula>LEN(TRIM(C161))=0</formula>
    </cfRule>
  </conditionalFormatting>
  <conditionalFormatting sqref="C138:C140">
    <cfRule type="containsBlanks" dxfId="22" priority="27">
      <formula>LEN(TRIM(C138))=0</formula>
    </cfRule>
  </conditionalFormatting>
  <conditionalFormatting sqref="C166">
    <cfRule type="containsBlanks" dxfId="21" priority="22">
      <formula>LEN(TRIM(C166))=0</formula>
    </cfRule>
  </conditionalFormatting>
  <conditionalFormatting sqref="C155:C160">
    <cfRule type="containsBlanks" dxfId="20" priority="24">
      <formula>LEN(TRIM(C155))=0</formula>
    </cfRule>
  </conditionalFormatting>
  <conditionalFormatting sqref="C167:C169">
    <cfRule type="containsBlanks" dxfId="19" priority="23">
      <formula>LEN(TRIM(C167))=0</formula>
    </cfRule>
  </conditionalFormatting>
  <conditionalFormatting sqref="C207:C208 C210">
    <cfRule type="containsBlanks" dxfId="18" priority="18">
      <formula>LEN(TRIM(C207))=0</formula>
    </cfRule>
  </conditionalFormatting>
  <conditionalFormatting sqref="C184:C186">
    <cfRule type="containsBlanks" dxfId="17" priority="19">
      <formula>LEN(TRIM(C184))=0</formula>
    </cfRule>
  </conditionalFormatting>
  <conditionalFormatting sqref="C203:C204">
    <cfRule type="containsBlanks" dxfId="16" priority="12">
      <formula>LEN(TRIM(C203))=0</formula>
    </cfRule>
  </conditionalFormatting>
  <conditionalFormatting sqref="C199:C201 C205">
    <cfRule type="containsBlanks" dxfId="15" priority="13">
      <formula>LEN(TRIM(C199))=0</formula>
    </cfRule>
  </conditionalFormatting>
  <conditionalFormatting sqref="C180:C181">
    <cfRule type="containsBlanks" dxfId="14" priority="15">
      <formula>LEN(TRIM(C180))=0</formula>
    </cfRule>
  </conditionalFormatting>
  <conditionalFormatting sqref="C206">
    <cfRule type="containsBlanks" dxfId="13" priority="17">
      <formula>LEN(TRIM(C206))=0</formula>
    </cfRule>
  </conditionalFormatting>
  <conditionalFormatting sqref="C179">
    <cfRule type="containsBlanks" dxfId="12" priority="14">
      <formula>LEN(TRIM(C179))=0</formula>
    </cfRule>
  </conditionalFormatting>
  <conditionalFormatting sqref="C195">
    <cfRule type="containsBlanks" dxfId="11" priority="8">
      <formula>LEN(TRIM(C195))=0</formula>
    </cfRule>
  </conditionalFormatting>
  <conditionalFormatting sqref="C202">
    <cfRule type="containsBlanks" dxfId="10" priority="11">
      <formula>LEN(TRIM(C202))=0</formula>
    </cfRule>
  </conditionalFormatting>
  <conditionalFormatting sqref="C192:C193">
    <cfRule type="containsBlanks" dxfId="9" priority="6">
      <formula>LEN(TRIM(C192))=0</formula>
    </cfRule>
  </conditionalFormatting>
  <conditionalFormatting sqref="C176:C178 C182">
    <cfRule type="containsBlanks" dxfId="8" priority="16">
      <formula>LEN(TRIM(C176))=0</formula>
    </cfRule>
  </conditionalFormatting>
  <conditionalFormatting sqref="C191">
    <cfRule type="containsBlanks" dxfId="7" priority="5">
      <formula>LEN(TRIM(C191))=0</formula>
    </cfRule>
  </conditionalFormatting>
  <conditionalFormatting sqref="C217:C221">
    <cfRule type="containsBlanks" dxfId="6" priority="2">
      <formula>LEN(TRIM(C217))=0</formula>
    </cfRule>
  </conditionalFormatting>
  <conditionalFormatting sqref="C215:C216">
    <cfRule type="containsBlanks" dxfId="5" priority="1">
      <formula>LEN(TRIM(C215))=0</formula>
    </cfRule>
  </conditionalFormatting>
  <conditionalFormatting sqref="C196:C197">
    <cfRule type="containsBlanks" dxfId="4" priority="9">
      <formula>LEN(TRIM(C196))=0</formula>
    </cfRule>
  </conditionalFormatting>
  <conditionalFormatting sqref="C198">
    <cfRule type="containsBlanks" dxfId="3" priority="10">
      <formula>LEN(TRIM(C198))=0</formula>
    </cfRule>
  </conditionalFormatting>
  <conditionalFormatting sqref="C188:C190 C194">
    <cfRule type="containsBlanks" dxfId="2" priority="7">
      <formula>LEN(TRIM(C188))=0</formula>
    </cfRule>
  </conditionalFormatting>
  <conditionalFormatting sqref="C224:C227">
    <cfRule type="containsBlanks" dxfId="1" priority="4">
      <formula>LEN(TRIM(C224))=0</formula>
    </cfRule>
  </conditionalFormatting>
  <conditionalFormatting sqref="C212:C214 C222:C223">
    <cfRule type="containsBlanks" dxfId="0" priority="3">
      <formula>LEN(TRIM(C212))=0</formula>
    </cfRule>
  </conditionalFormatting>
  <printOptions horizontalCentered="1"/>
  <pageMargins left="0.70866141732283472" right="0.70866141732283472" top="0.9055118110236221" bottom="0.74803149606299213" header="0.31496062992125984" footer="0.31496062992125984"/>
  <pageSetup paperSize="9" scale="5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0</xdr:col>
                    <xdr:colOff>885825</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0</xdr:col>
                    <xdr:colOff>88582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8-03T08:28:26Z</cp:lastPrinted>
  <dcterms:created xsi:type="dcterms:W3CDTF">2017-04-21T05:51:15Z</dcterms:created>
  <dcterms:modified xsi:type="dcterms:W3CDTF">2023-08-03T10:14:08Z</dcterms:modified>
</cp:coreProperties>
</file>